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68" r:id="rId2"/>
    <p:sldId id="190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9AD95"/>
    <a:srgbClr val="AAC277"/>
    <a:srgbClr val="F5AE3C"/>
    <a:srgbClr val="CC4F3D"/>
    <a:srgbClr val="4D4D4D"/>
    <a:srgbClr val="F0F0F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4" d="100"/>
          <a:sy n="104" d="100"/>
        </p:scale>
        <p:origin x="144" y="22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E13791-304E-4831-968C-5C8293CAE54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AA5CC43-E779-4593-8A8C-80F74B4FEEE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FC72ACA-58AA-456F-88A6-DBC4761AE8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0B0217-F555-41AF-9C0E-0FC9B24A91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E455883-8AB5-4C33-9918-DAE98EEE32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324153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EF9CE3-1F8D-4890-92E0-01C16DA676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D465954-1276-40A3-A896-1E582F15363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D4D73A-7BE5-4050-8421-A20D4A1FA6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ECDA81-D101-48AD-A6AF-DC5B4AFB35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6E0A27-0D60-482A-A7F1-A1CB44D420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171351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61F6E6D-91BB-4136-A195-976BE0FEACA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BC0C255-5ABF-490B-8C03-02891A1CDD3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8B745EA-75B8-47D3-BDF9-8BEA2E72F2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A0E7CE8-89C5-4041-A303-CD0FDB163E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A87FAB-2D0A-49B5-8FC7-A99994FF58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25593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44E091-453C-4CA3-9781-74BF8CEDEE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E1430F0-9C95-4460-A33C-C1BFDFA7D65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5AB6E17-C39F-4FB0-9AB4-1ECE307494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37C6B6C-6F5F-4FEF-917C-F646D6FA27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8B292D9-0EA8-4F89-B273-889623324B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2582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2853EF-E7A3-4701-BE4A-33B1161371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8E303F7-696A-4530-8FDB-E26ED31C332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214F89-1E14-4D62-9688-6BF023CADA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C1C46C3-6107-42F8-8FD1-8983906325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020BC0-4C17-45CD-A684-03F71BFC8C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8964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55D722-424D-48DA-85BE-D2B6E564F1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889698-DBF8-4997-9893-95E8DB0E7D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A1AE1FC-AF0E-4E6A-A7D8-5D3F9E1EF4B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C2FD320-BA1F-4013-AD4C-BABEFAABCB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2E18B2-F40D-4D89-A7B5-A6BD22FB23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7A967DB-394E-4319-A823-ADF81A477E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936147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F223DD-9002-4604-A887-90FA988729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6ACDFBD-5E37-4396-BF5C-1904BC40B3C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5AEC85F-6204-4C66-9575-A6206C21FF0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6E36052-F3EA-4A65-85A4-9498D4E89C3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6318FC8-B0E3-4973-8EA9-D53BF28D625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9C921CF-9675-4404-9779-0B26D20DF2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7A2D50D-EDD9-40AB-A6BB-BEA81FAF90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FAD2338-56CB-4F56-9CE2-6704C5A199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48098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843693-4650-4F25-BC2A-AEE5DBBD7A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F9C13C4-17B1-4C0D-ADD1-1EB0AF7659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C8737D8-8463-4177-9B47-D839F48AD1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C679814-B390-4B34-B6B0-918FED90E9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88425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55FDD9C-F6F7-4D5E-8467-21EB02AF71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2677C57-F9F8-4138-9714-0F1FAA6CA4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CE044A6-A01D-4784-B26D-409FDF8469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56658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869308-AA38-4242-9860-82FF072066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232E69-CCB4-4BD0-AD08-F85DE4681C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D572113-F279-48A2-9129-F7D9200430B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744297E-198C-469F-8ED9-DC5594BF22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511BAB7-0431-47B2-A35F-64ADC0788A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322A325-A506-48FD-8D9C-E0276A3478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004977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0AFADD-28D1-4084-B481-07BDA87EAF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E09AE64-1693-40E5-BA46-23898A9A513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5409C88-6F23-4DF7-89A3-2C264EF24FD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5646FC7-AD1E-4C86-8639-2014AF6DD5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BE28149-3A8C-4281-9387-D511B7D28D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AD9AD3F-7D59-4997-83D2-862C009A56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68509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8B58EE7-2AC2-4E75-858D-B6D76DBE54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461A560-41F9-421F-8494-F790EE37F8B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D2FB4C-5F87-49B9-A248-8485D2BE7F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90CB667-F1D2-4EC5-BDF3-E51E6152D27F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BB9B223-14C5-4EDB-B050-93B6B84134B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16D427-C1F1-4BA4-A9C0-36A17C92CBB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AC39F5-2AC4-450A-B494-FC036998BD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40708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image" Target="../media/image3.png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image" Target="../media/image4.svg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image" Target="../media/image5.png"/><Relationship Id="rId166" Type="http://schemas.openxmlformats.org/officeDocument/2006/relationships/image" Target="../media/image10.sv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image" Target="../media/image6.sv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image" Target="../media/image7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slideLayout" Target="../slideLayouts/slideLayout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image" Target="../media/image8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image" Target="../media/image9.png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OTLSHAPE_SL_9cf0b9a3b4064869b9ae748fb5efbb51_BackgroundRectangle">
            <a:extLst>
              <a:ext uri="{FF2B5EF4-FFF2-40B4-BE49-F238E27FC236}">
                <a16:creationId xmlns:a16="http://schemas.microsoft.com/office/drawing/2014/main" id="{C3FB71B5-21F4-422F-BBA3-BF4C785FA9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684930"/>
            <a:ext cx="11633200" cy="84055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_089d7eb988274527948a1ef4646e8746_BackgroundRectangle">
            <a:extLst>
              <a:ext uri="{FF2B5EF4-FFF2-40B4-BE49-F238E27FC236}">
                <a16:creationId xmlns:a16="http://schemas.microsoft.com/office/drawing/2014/main" id="{06078E2E-820C-4932-A671-413E55CE15B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588980"/>
            <a:ext cx="11633200" cy="64624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a88f145e4d284420a2baa685af085546_BackgroundRectangle">
            <a:extLst>
              <a:ext uri="{FF2B5EF4-FFF2-40B4-BE49-F238E27FC236}">
                <a16:creationId xmlns:a16="http://schemas.microsoft.com/office/drawing/2014/main" id="{49513F35-FC10-4A4F-B49D-51D1D7F3D5F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6298720"/>
            <a:ext cx="11633200" cy="33020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14F2337A-DD60-484B-86E5-71F7261506C7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21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4AFA0BAC-DFAF-482B-BB97-560F3690D9ED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21</a:t>
            </a:r>
            <a:endParaRPr kumimoji="0" lang="en-US" sz="100" b="1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C4EAFBA-C708-4BFB-A2E7-A782C687458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93876" y="4100730"/>
            <a:ext cx="10414000" cy="381000"/>
          </a:xfrm>
          <a:prstGeom prst="rect">
            <a:avLst/>
          </a:prstGeom>
          <a:solidFill>
            <a:srgbClr val="4D4D4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9cf0b9a3b4064869b9ae748fb5efbb51_HeaderRectangle">
            <a:extLst>
              <a:ext uri="{FF2B5EF4-FFF2-40B4-BE49-F238E27FC236}">
                <a16:creationId xmlns:a16="http://schemas.microsoft.com/office/drawing/2014/main" id="{C69A4ED5-0D91-4C38-A76A-60353F02F8A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684930"/>
            <a:ext cx="1104900" cy="840550"/>
          </a:xfrm>
          <a:prstGeom prst="rect">
            <a:avLst/>
          </a:prstGeom>
          <a:solidFill>
            <a:srgbClr val="70AD47">
              <a:alpha val="5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1" name="OTLSHAPE_SL_089d7eb988274527948a1ef4646e8746_HeaderRectangle">
            <a:extLst>
              <a:ext uri="{FF2B5EF4-FFF2-40B4-BE49-F238E27FC236}">
                <a16:creationId xmlns:a16="http://schemas.microsoft.com/office/drawing/2014/main" id="{921769DB-BE03-4679-BA14-77E7546812B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5588980"/>
            <a:ext cx="1104900" cy="646240"/>
          </a:xfrm>
          <a:prstGeom prst="rect">
            <a:avLst/>
          </a:prstGeom>
          <a:solidFill>
            <a:srgbClr val="DC5E40">
              <a:alpha val="5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7" name="OTLSHAPE_SL_a88f145e4d284420a2baa685af085546_HeaderRectangle">
            <a:extLst>
              <a:ext uri="{FF2B5EF4-FFF2-40B4-BE49-F238E27FC236}">
                <a16:creationId xmlns:a16="http://schemas.microsoft.com/office/drawing/2014/main" id="{36764707-A87F-4812-BC5B-C55508AE29D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6298720"/>
            <a:ext cx="1104900" cy="330200"/>
          </a:xfrm>
          <a:prstGeom prst="rect">
            <a:avLst/>
          </a:prstGeom>
          <a:solidFill>
            <a:schemeClr val="tx1">
              <a:lumMod val="50000"/>
              <a:lumOff val="50000"/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9" name="OTLSHAPE_G_00000000000000000000000000000000_ShapeBelow0">
            <a:extLst>
              <a:ext uri="{FF2B5EF4-FFF2-40B4-BE49-F238E27FC236}">
                <a16:creationId xmlns:a16="http://schemas.microsoft.com/office/drawing/2014/main" id="{DCFA8305-2780-4F95-A4D8-843993CD7DF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858872" y="4481730"/>
            <a:ext cx="0" cy="214719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1">
            <a:extLst>
              <a:ext uri="{FF2B5EF4-FFF2-40B4-BE49-F238E27FC236}">
                <a16:creationId xmlns:a16="http://schemas.microsoft.com/office/drawing/2014/main" id="{8180D156-A2EC-4EB8-9FF4-7A96E2E9E76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452369" y="4481730"/>
            <a:ext cx="0" cy="214719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2">
            <a:extLst>
              <a:ext uri="{FF2B5EF4-FFF2-40B4-BE49-F238E27FC236}">
                <a16:creationId xmlns:a16="http://schemas.microsoft.com/office/drawing/2014/main" id="{36F18B7C-6489-4B1A-B7E6-EBE15F91FC4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074365" y="4481730"/>
            <a:ext cx="0" cy="214719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TLSHAPE_SLT_1f3ecdb523214d1c858ab8fb12392a13_Shape">
            <a:extLst>
              <a:ext uri="{FF2B5EF4-FFF2-40B4-BE49-F238E27FC236}">
                <a16:creationId xmlns:a16="http://schemas.microsoft.com/office/drawing/2014/main" id="{9C7C02B1-364A-4379-BA40-6E8EE304442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322376" y="5015400"/>
            <a:ext cx="2527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SLT_840d1906cb104b01bde15bb78e8e323b_Shape">
            <a:extLst>
              <a:ext uri="{FF2B5EF4-FFF2-40B4-BE49-F238E27FC236}">
                <a16:creationId xmlns:a16="http://schemas.microsoft.com/office/drawing/2014/main" id="{98814229-7738-4F58-90A0-6F2E597B82E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804374" y="5275020"/>
            <a:ext cx="1244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SLT_118aa262c9b048e19e0b2ecc51e36c38_Shape">
            <a:extLst>
              <a:ext uri="{FF2B5EF4-FFF2-40B4-BE49-F238E27FC236}">
                <a16:creationId xmlns:a16="http://schemas.microsoft.com/office/drawing/2014/main" id="{54496DE7-8045-4F27-8E8D-62B7E94789E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887372" y="5275020"/>
            <a:ext cx="1765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7" name="OTLSHAPE_SLT_eeb83e503ffe4a72a203fede87f23081_Shape">
            <a:extLst>
              <a:ext uri="{FF2B5EF4-FFF2-40B4-BE49-F238E27FC236}">
                <a16:creationId xmlns:a16="http://schemas.microsoft.com/office/drawing/2014/main" id="{0F6B26BD-4C3A-4E41-A02F-91C1BF1E4B3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5682870" y="5275020"/>
            <a:ext cx="1079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" name="OTLSHAPE_SLT_79eebf0cc03e4ea08540b80882717e0a_Shape">
            <a:extLst>
              <a:ext uri="{FF2B5EF4-FFF2-40B4-BE49-F238E27FC236}">
                <a16:creationId xmlns:a16="http://schemas.microsoft.com/office/drawing/2014/main" id="{6A33F79E-7B64-4B45-A257-623D7417A0D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794368" y="5275020"/>
            <a:ext cx="2273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" name="OTLSHAPE_SLT_44de9765e7204557b88297f4709b8c30_Shape">
            <a:extLst>
              <a:ext uri="{FF2B5EF4-FFF2-40B4-BE49-F238E27FC236}">
                <a16:creationId xmlns:a16="http://schemas.microsoft.com/office/drawing/2014/main" id="{6C5216A5-0931-4197-A2E4-0E7F329A4BD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205875" y="5636240"/>
            <a:ext cx="1841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DF6E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4" name="OTLSHAPE_SLT_8d38abf6434f49b59dc24ae1ee36935e_Shape">
            <a:extLst>
              <a:ext uri="{FF2B5EF4-FFF2-40B4-BE49-F238E27FC236}">
                <a16:creationId xmlns:a16="http://schemas.microsoft.com/office/drawing/2014/main" id="{B2FEA3B9-A27E-45FD-80D0-F66BE56A2C2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887372" y="5636240"/>
            <a:ext cx="762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DF6E5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5" name="OTLSHAPE_SLT_c7770eb3e434445083ebf0cda53241c7_Shape">
            <a:extLst>
              <a:ext uri="{FF2B5EF4-FFF2-40B4-BE49-F238E27FC236}">
                <a16:creationId xmlns:a16="http://schemas.microsoft.com/office/drawing/2014/main" id="{19320758-5E86-4C83-AC78-C9170D060AD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887372" y="5984760"/>
            <a:ext cx="1981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DF6E5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3" name="OTLSHAPE_SLT_40c7696c8b3a4b1db83d76730e5d92c2_Shape">
            <a:extLst>
              <a:ext uri="{FF2B5EF4-FFF2-40B4-BE49-F238E27FC236}">
                <a16:creationId xmlns:a16="http://schemas.microsoft.com/office/drawing/2014/main" id="{DE3C9ABD-A088-459C-87B3-E161D08FE5C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711370" y="5984760"/>
            <a:ext cx="1765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DF6E5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5" name="OTLSHAPE_SLT_c60910096d5a4b6f9de76b63feadcf94_Shape">
            <a:extLst>
              <a:ext uri="{FF2B5EF4-FFF2-40B4-BE49-F238E27FC236}">
                <a16:creationId xmlns:a16="http://schemas.microsoft.com/office/drawing/2014/main" id="{401586CF-D1C8-4FB2-BB67-0C102F71022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449868" y="5984760"/>
            <a:ext cx="2476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DF6E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SLT_f1b03b9fadb246d6b74eef66d2c662d1_Shape">
            <a:extLst>
              <a:ext uri="{FF2B5EF4-FFF2-40B4-BE49-F238E27FC236}">
                <a16:creationId xmlns:a16="http://schemas.microsoft.com/office/drawing/2014/main" id="{6589F19A-9746-4EFB-9105-3DDC4D1499E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884871" y="5636240"/>
            <a:ext cx="1981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DF6E5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CA26E9C6-5E78-45F2-AA04-3E455EA80EB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" name="OTLSHAPE_SLT_1f3ecdb523214d1c858ab8fb12392a13_ShapePercentage">
            <a:extLst>
              <a:ext uri="{FF2B5EF4-FFF2-40B4-BE49-F238E27FC236}">
                <a16:creationId xmlns:a16="http://schemas.microsoft.com/office/drawing/2014/main" id="{02A3C151-F0D2-44D7-8AB5-35D08BA6D5B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322376" y="5015400"/>
            <a:ext cx="1778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2" name="OTLSHAPE_SLT_840d1906cb104b01bde15bb78e8e323b_ShapePercentage" hidden="1">
            <a:extLst>
              <a:ext uri="{FF2B5EF4-FFF2-40B4-BE49-F238E27FC236}">
                <a16:creationId xmlns:a16="http://schemas.microsoft.com/office/drawing/2014/main" id="{71A41F65-A426-46DE-87B9-5FBAECFD69C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804374" y="527502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OTLSHAPE_SLT_118aa262c9b048e19e0b2ecc51e36c38_ShapePercentage" hidden="1">
            <a:extLst>
              <a:ext uri="{FF2B5EF4-FFF2-40B4-BE49-F238E27FC236}">
                <a16:creationId xmlns:a16="http://schemas.microsoft.com/office/drawing/2014/main" id="{678E7176-3EEF-4726-A4E5-4B8F2EB1C7E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887372" y="527502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8" name="OTLSHAPE_SLT_eeb83e503ffe4a72a203fede87f23081_ShapePercentage" hidden="1">
            <a:extLst>
              <a:ext uri="{FF2B5EF4-FFF2-40B4-BE49-F238E27FC236}">
                <a16:creationId xmlns:a16="http://schemas.microsoft.com/office/drawing/2014/main" id="{E419D450-E6D9-42BF-845B-777F85EB352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82870" y="527502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" name="OTLSHAPE_SLT_79eebf0cc03e4ea08540b80882717e0a_ShapePercentage" hidden="1">
            <a:extLst>
              <a:ext uri="{FF2B5EF4-FFF2-40B4-BE49-F238E27FC236}">
                <a16:creationId xmlns:a16="http://schemas.microsoft.com/office/drawing/2014/main" id="{B9ED9313-5BCE-4A22-B8A8-4EF3710EC24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794368" y="527502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7" name="OTLSHAPE_SLT_44de9765e7204557b88297f4709b8c30_ShapePercentage" hidden="1">
            <a:extLst>
              <a:ext uri="{FF2B5EF4-FFF2-40B4-BE49-F238E27FC236}">
                <a16:creationId xmlns:a16="http://schemas.microsoft.com/office/drawing/2014/main" id="{C85303FF-EA4D-4A5D-B600-65EB4A006B9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205875" y="56362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" name="OTLSHAPE_SLT_8d38abf6434f49b59dc24ae1ee36935e_ShapePercentage" hidden="1">
            <a:extLst>
              <a:ext uri="{FF2B5EF4-FFF2-40B4-BE49-F238E27FC236}">
                <a16:creationId xmlns:a16="http://schemas.microsoft.com/office/drawing/2014/main" id="{E34E9BD3-5ACA-417F-A635-A55CE60A9D6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887372" y="56362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6" name="OTLSHAPE_SLT_c7770eb3e434445083ebf0cda53241c7_ShapePercentage" hidden="1">
            <a:extLst>
              <a:ext uri="{FF2B5EF4-FFF2-40B4-BE49-F238E27FC236}">
                <a16:creationId xmlns:a16="http://schemas.microsoft.com/office/drawing/2014/main" id="{CC733808-A2CD-4142-AF3A-6C64134EE1C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887372" y="59847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4" name="OTLSHAPE_SLT_40c7696c8b3a4b1db83d76730e5d92c2_ShapePercentage" hidden="1">
            <a:extLst>
              <a:ext uri="{FF2B5EF4-FFF2-40B4-BE49-F238E27FC236}">
                <a16:creationId xmlns:a16="http://schemas.microsoft.com/office/drawing/2014/main" id="{DBF92C68-C2CF-40C5-805C-689361ABD2C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711370" y="59847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" name="OTLSHAPE_SLT_c60910096d5a4b6f9de76b63feadcf94_ShapePercentage" hidden="1">
            <a:extLst>
              <a:ext uri="{FF2B5EF4-FFF2-40B4-BE49-F238E27FC236}">
                <a16:creationId xmlns:a16="http://schemas.microsoft.com/office/drawing/2014/main" id="{631575D7-9479-4092-9805-E7565619681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449868" y="59847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8" name="OTLSHAPE_SLM_05f5e22b071042a1a1dc59615bb4c469_Shape">
            <a:extLst>
              <a:ext uri="{FF2B5EF4-FFF2-40B4-BE49-F238E27FC236}">
                <a16:creationId xmlns:a16="http://schemas.microsoft.com/office/drawing/2014/main" id="{4FBD821E-FB2F-4442-8B92-ABFD399A924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758803" y="6336820"/>
            <a:ext cx="228600" cy="254000"/>
          </a:xfrm>
          <a:prstGeom prst="star8">
            <a:avLst/>
          </a:prstGeom>
          <a:solidFill>
            <a:srgbClr val="75757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0" name="OTLSHAPE_SLM_38f7caf9b7404674b5040d0ab204f9f9_Shape">
            <a:extLst>
              <a:ext uri="{FF2B5EF4-FFF2-40B4-BE49-F238E27FC236}">
                <a16:creationId xmlns:a16="http://schemas.microsoft.com/office/drawing/2014/main" id="{1F28993D-3D52-44EE-A1DC-BF111CF5553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492298" y="6336820"/>
            <a:ext cx="228600" cy="254000"/>
          </a:xfrm>
          <a:prstGeom prst="star8">
            <a:avLst/>
          </a:prstGeom>
          <a:solidFill>
            <a:srgbClr val="75757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2" name="OTLSHAPE_SLM_42c1a0ca0ec74680a58bbd3c49f9125b_Shape">
            <a:extLst>
              <a:ext uri="{FF2B5EF4-FFF2-40B4-BE49-F238E27FC236}">
                <a16:creationId xmlns:a16="http://schemas.microsoft.com/office/drawing/2014/main" id="{7EAA0DF3-BE46-4490-B03D-2F2F087710C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126801" y="6336820"/>
            <a:ext cx="228600" cy="254000"/>
          </a:xfrm>
          <a:prstGeom prst="star8">
            <a:avLst/>
          </a:prstGeom>
          <a:solidFill>
            <a:srgbClr val="75757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6" name="OTLSHAPE_SLM_0fe6e6c4d349427c81caccf576ba460c_Shape">
            <a:extLst>
              <a:ext uri="{FF2B5EF4-FFF2-40B4-BE49-F238E27FC236}">
                <a16:creationId xmlns:a16="http://schemas.microsoft.com/office/drawing/2014/main" id="{922CE7A2-10AA-4E91-9F08-89E4574E0ED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487295" y="6336820"/>
            <a:ext cx="228600" cy="254000"/>
          </a:xfrm>
          <a:prstGeom prst="star8">
            <a:avLst/>
          </a:prstGeom>
          <a:solidFill>
            <a:srgbClr val="75757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7" name="OTLSHAPE_SLM_7695617a14a84c95a269c6cd4b4f335a_Shape">
            <a:extLst>
              <a:ext uri="{FF2B5EF4-FFF2-40B4-BE49-F238E27FC236}">
                <a16:creationId xmlns:a16="http://schemas.microsoft.com/office/drawing/2014/main" id="{7F5B0B70-8855-4BD6-A78E-3351D09BA21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1254292" y="6336820"/>
            <a:ext cx="228600" cy="254000"/>
          </a:xfrm>
          <a:prstGeom prst="star8">
            <a:avLst/>
          </a:prstGeom>
          <a:solidFill>
            <a:srgbClr val="75757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0" name="OTLSHAPE_SLT_f1b03b9fadb246d6b74eef66d2c662d1_ShapePercentage" hidden="1">
            <a:extLst>
              <a:ext uri="{FF2B5EF4-FFF2-40B4-BE49-F238E27FC236}">
                <a16:creationId xmlns:a16="http://schemas.microsoft.com/office/drawing/2014/main" id="{858EFF08-C62A-421F-827D-70DA5A2DB09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884871" y="56362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SL_9cf0b9a3b4064869b9ae748fb5efbb51_Header">
            <a:extLst>
              <a:ext uri="{FF2B5EF4-FFF2-40B4-BE49-F238E27FC236}">
                <a16:creationId xmlns:a16="http://schemas.microsoft.com/office/drawing/2014/main" id="{D816BB82-B63B-46F8-BB9B-54BB799188C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5020750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oal 1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2" name="OTLSHAPE_SL_089d7eb988274527948a1ef4646e8746_Header">
            <a:extLst>
              <a:ext uri="{FF2B5EF4-FFF2-40B4-BE49-F238E27FC236}">
                <a16:creationId xmlns:a16="http://schemas.microsoft.com/office/drawing/2014/main" id="{97A2E9FA-C197-41AD-8EFC-45606AC5BE6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5827645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oal 2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8" name="OTLSHAPE_SL_a88f145e4d284420a2baa685af085546_Header">
            <a:extLst>
              <a:ext uri="{FF2B5EF4-FFF2-40B4-BE49-F238E27FC236}">
                <a16:creationId xmlns:a16="http://schemas.microsoft.com/office/drawing/2014/main" id="{350BEE8D-4E26-4D2B-8261-29A310AF069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6379365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oal 3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A0688EC0-9FC7-4966-9345-0CCBD5113CE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239447" y="448173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03D6FD3-137E-42B6-8BF5-F7640C6639C7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da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9FF8879-F8CA-4B12-9137-86155D109EC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357376" y="418963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B1945231-0F07-4000-86B8-9C036217F7C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922373" y="418963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C471966-85B4-4BEC-A2E3-6CDCFA6EEEA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515869" y="418963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76F63ED6-278E-41B1-B4E8-D8D4AB1C6ED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9137865" y="418963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44" name="OTLSHAPE_SLT_1f3ecdb523214d1c858ab8fb12392a13_Duration" hidden="1">
            <a:extLst>
              <a:ext uri="{FF2B5EF4-FFF2-40B4-BE49-F238E27FC236}">
                <a16:creationId xmlns:a16="http://schemas.microsoft.com/office/drawing/2014/main" id="{62D34156-B7F7-4696-9F35-E394385C85B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895403" y="3340666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.5 weeks</a:t>
            </a:r>
          </a:p>
        </p:txBody>
      </p:sp>
      <p:sp>
        <p:nvSpPr>
          <p:cNvPr id="45" name="OTLSHAPE_SLT_1f3ecdb523214d1c858ab8fb12392a13_JoinedDate" hidden="1">
            <a:extLst>
              <a:ext uri="{FF2B5EF4-FFF2-40B4-BE49-F238E27FC236}">
                <a16:creationId xmlns:a16="http://schemas.microsoft.com/office/drawing/2014/main" id="{F0E39EF0-9369-461C-B366-CD5551B11E9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322376" y="351977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4646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Mar 31</a:t>
            </a:r>
          </a:p>
        </p:txBody>
      </p:sp>
      <p:sp>
        <p:nvSpPr>
          <p:cNvPr id="46" name="OTLSHAPE_SLT_1f3ecdb523214d1c858ab8fb12392a13_StartDate" hidden="1">
            <a:extLst>
              <a:ext uri="{FF2B5EF4-FFF2-40B4-BE49-F238E27FC236}">
                <a16:creationId xmlns:a16="http://schemas.microsoft.com/office/drawing/2014/main" id="{1D460A87-74B2-433B-9F6C-B5426A6DBDC7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OTLSHAPE_SLT_1f3ecdb523214d1c858ab8fb12392a13_EndDate" hidden="1">
            <a:extLst>
              <a:ext uri="{FF2B5EF4-FFF2-40B4-BE49-F238E27FC236}">
                <a16:creationId xmlns:a16="http://schemas.microsoft.com/office/drawing/2014/main" id="{90EEED6E-4373-48D2-9CEB-97C84AF4D43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OTLSHAPE_SLT_1f3ecdb523214d1c858ab8fb12392a13_TextPercentage" hidden="1">
            <a:extLst>
              <a:ext uri="{FF2B5EF4-FFF2-40B4-BE49-F238E27FC236}">
                <a16:creationId xmlns:a16="http://schemas.microsoft.com/office/drawing/2014/main" id="{574708D7-945A-4D6C-A486-D1AB3C8A687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895403" y="27839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0%</a:t>
            </a:r>
            <a:endParaRPr kumimoji="0" lang="en-US" sz="1000" b="1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" name="OTLSHAPE_SLT_1f3ecdb523214d1c858ab8fb12392a13_Title">
            <a:extLst>
              <a:ext uri="{FF2B5EF4-FFF2-40B4-BE49-F238E27FC236}">
                <a16:creationId xmlns:a16="http://schemas.microsoft.com/office/drawing/2014/main" id="{7D100CA6-06A1-43D1-BA9D-6F8C0CEA5EA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338676" y="5024100"/>
            <a:ext cx="495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63" name="OTLSHAPE_SLT_840d1906cb104b01bde15bb78e8e323b_Duration" hidden="1">
            <a:extLst>
              <a:ext uri="{FF2B5EF4-FFF2-40B4-BE49-F238E27FC236}">
                <a16:creationId xmlns:a16="http://schemas.microsoft.com/office/drawing/2014/main" id="{BC9EA35B-B2C1-4015-9904-34F62ACFF48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31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4" name="OTLSHAPE_SLT_840d1906cb104b01bde15bb78e8e323b_JoinedDate" hidden="1">
            <a:extLst>
              <a:ext uri="{FF2B5EF4-FFF2-40B4-BE49-F238E27FC236}">
                <a16:creationId xmlns:a16="http://schemas.microsoft.com/office/drawing/2014/main" id="{FDDCB4DA-9210-422C-9390-AF6C4CB566E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804374" y="392526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3 - Apr 7</a:t>
            </a:r>
          </a:p>
        </p:txBody>
      </p:sp>
      <p:sp>
        <p:nvSpPr>
          <p:cNvPr id="65" name="OTLSHAPE_SLT_840d1906cb104b01bde15bb78e8e323b_StartDate" hidden="1">
            <a:extLst>
              <a:ext uri="{FF2B5EF4-FFF2-40B4-BE49-F238E27FC236}">
                <a16:creationId xmlns:a16="http://schemas.microsoft.com/office/drawing/2014/main" id="{2164E8B9-5705-4099-AF1C-E8A39A7F415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6" name="OTLSHAPE_SLT_840d1906cb104b01bde15bb78e8e323b_EndDate" hidden="1">
            <a:extLst>
              <a:ext uri="{FF2B5EF4-FFF2-40B4-BE49-F238E27FC236}">
                <a16:creationId xmlns:a16="http://schemas.microsoft.com/office/drawing/2014/main" id="{20A5E25F-8E5D-4AA8-8DB8-4EB604BFF3E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7" name="OTLSHAPE_SLT_840d1906cb104b01bde15bb78e8e323b_TextPercentage" hidden="1">
            <a:extLst>
              <a:ext uri="{FF2B5EF4-FFF2-40B4-BE49-F238E27FC236}">
                <a16:creationId xmlns:a16="http://schemas.microsoft.com/office/drawing/2014/main" id="{EF7DE70B-67D8-48AF-AA02-E55EB46DEC9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467824" y="360220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-8" normalizeH="0" baseline="0" noProof="0" dirty="0">
              <a:ln>
                <a:noFill/>
              </a:ln>
              <a:solidFill>
                <a:srgbClr val="1C181C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8" name="OTLSHAPE_SLT_840d1906cb104b01bde15bb78e8e323b_Title">
            <a:extLst>
              <a:ext uri="{FF2B5EF4-FFF2-40B4-BE49-F238E27FC236}">
                <a16:creationId xmlns:a16="http://schemas.microsoft.com/office/drawing/2014/main" id="{67D525B5-A486-416C-A293-71124897E9B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198496" y="5283719"/>
            <a:ext cx="457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" name="OTLSHAPE_SLT_118aa262c9b048e19e0b2ecc51e36c38_Duration" hidden="1">
            <a:extLst>
              <a:ext uri="{FF2B5EF4-FFF2-40B4-BE49-F238E27FC236}">
                <a16:creationId xmlns:a16="http://schemas.microsoft.com/office/drawing/2014/main" id="{CB288632-0D6E-4432-9A95-AD2C3C46D81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43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" name="OTLSHAPE_SLT_118aa262c9b048e19e0b2ecc51e36c38_JoinedDate" hidden="1">
            <a:extLst>
              <a:ext uri="{FF2B5EF4-FFF2-40B4-BE49-F238E27FC236}">
                <a16:creationId xmlns:a16="http://schemas.microsoft.com/office/drawing/2014/main" id="{8CC63B5B-9CE9-4FFB-9CEA-22CC5AA29D5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541298"/>
            <a:ext cx="647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pr 2 - Jun 2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" name="OTLSHAPE_SLT_118aa262c9b048e19e0b2ecc51e36c38_StartDate" hidden="1">
            <a:extLst>
              <a:ext uri="{FF2B5EF4-FFF2-40B4-BE49-F238E27FC236}">
                <a16:creationId xmlns:a16="http://schemas.microsoft.com/office/drawing/2014/main" id="{C9E4086C-5B44-42B7-915D-B8D52BE69B0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OTLSHAPE_SLT_118aa262c9b048e19e0b2ecc51e36c38_EndDate" hidden="1">
            <a:extLst>
              <a:ext uri="{FF2B5EF4-FFF2-40B4-BE49-F238E27FC236}">
                <a16:creationId xmlns:a16="http://schemas.microsoft.com/office/drawing/2014/main" id="{0D7D7661-22A1-4766-AD8E-C8CCAF71927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5" name="OTLSHAPE_SLT_118aa262c9b048e19e0b2ecc51e36c38_Title">
            <a:extLst>
              <a:ext uri="{FF2B5EF4-FFF2-40B4-BE49-F238E27FC236}">
                <a16:creationId xmlns:a16="http://schemas.microsoft.com/office/drawing/2014/main" id="{1075B950-E535-4337-AA4E-CC43AD93A14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502010" y="5283719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6" name="OTLSHAPE_SLT_118aa262c9b048e19e0b2ecc51e36c38_TextPercentage" hidden="1">
            <a:extLst>
              <a:ext uri="{FF2B5EF4-FFF2-40B4-BE49-F238E27FC236}">
                <a16:creationId xmlns:a16="http://schemas.microsoft.com/office/drawing/2014/main" id="{9539959E-C3D6-4527-A5D3-AEEE03C7C59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rgbClr val="696464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9" name="OTLSHAPE_SLT_eeb83e503ffe4a72a203fede87f23081_Duration" hidden="1">
            <a:extLst>
              <a:ext uri="{FF2B5EF4-FFF2-40B4-BE49-F238E27FC236}">
                <a16:creationId xmlns:a16="http://schemas.microsoft.com/office/drawing/2014/main" id="{77975EC8-7BC0-4EAE-9EA2-4B733357998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6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0" name="OTLSHAPE_SLT_eeb83e503ffe4a72a203fede87f23081_JoinedDate" hidden="1">
            <a:extLst>
              <a:ext uri="{FF2B5EF4-FFF2-40B4-BE49-F238E27FC236}">
                <a16:creationId xmlns:a16="http://schemas.microsoft.com/office/drawing/2014/main" id="{98D19C48-9635-4E5B-9544-4A4D3372928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682870" y="3925264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4646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4 - Jul 11</a:t>
            </a:r>
          </a:p>
        </p:txBody>
      </p:sp>
      <p:sp>
        <p:nvSpPr>
          <p:cNvPr id="81" name="OTLSHAPE_SLT_eeb83e503ffe4a72a203fede87f23081_StartDate" hidden="1">
            <a:extLst>
              <a:ext uri="{FF2B5EF4-FFF2-40B4-BE49-F238E27FC236}">
                <a16:creationId xmlns:a16="http://schemas.microsoft.com/office/drawing/2014/main" id="{5FC83808-60BB-4F92-B224-AAB6FD6AF14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2" name="OTLSHAPE_SLT_eeb83e503ffe4a72a203fede87f23081_EndDate" hidden="1">
            <a:extLst>
              <a:ext uri="{FF2B5EF4-FFF2-40B4-BE49-F238E27FC236}">
                <a16:creationId xmlns:a16="http://schemas.microsoft.com/office/drawing/2014/main" id="{391CE94B-4AE3-4000-A930-127556500A6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3" name="OTLSHAPE_SLT_eeb83e503ffe4a72a203fede87f23081_Title">
            <a:extLst>
              <a:ext uri="{FF2B5EF4-FFF2-40B4-BE49-F238E27FC236}">
                <a16:creationId xmlns:a16="http://schemas.microsoft.com/office/drawing/2014/main" id="{09A2F873-508A-482D-920A-5863010C22F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972421" y="5283719"/>
            <a:ext cx="495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84" name="OTLSHAPE_SLT_eeb83e503ffe4a72a203fede87f23081_TextPercentage" hidden="1">
            <a:extLst>
              <a:ext uri="{FF2B5EF4-FFF2-40B4-BE49-F238E27FC236}">
                <a16:creationId xmlns:a16="http://schemas.microsoft.com/office/drawing/2014/main" id="{7F7AA3A8-8074-41C3-9CE7-E67B2805893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rgbClr val="696464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7" name="OTLSHAPE_SLT_79eebf0cc03e4ea08540b80882717e0a_Duration" hidden="1">
            <a:extLst>
              <a:ext uri="{FF2B5EF4-FFF2-40B4-BE49-F238E27FC236}">
                <a16:creationId xmlns:a16="http://schemas.microsoft.com/office/drawing/2014/main" id="{1D3E36DE-E228-4D25-BB33-C539F1F0307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110896" y="3746151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.5 weeks</a:t>
            </a:r>
          </a:p>
        </p:txBody>
      </p:sp>
      <p:sp>
        <p:nvSpPr>
          <p:cNvPr id="89" name="OTLSHAPE_SLT_79eebf0cc03e4ea08540b80882717e0a_StartDate" hidden="1">
            <a:extLst>
              <a:ext uri="{FF2B5EF4-FFF2-40B4-BE49-F238E27FC236}">
                <a16:creationId xmlns:a16="http://schemas.microsoft.com/office/drawing/2014/main" id="{9A8A0D92-8958-40CB-A6F7-4AF3FAC707A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79eebf0cc03e4ea08540b80882717e0a_EndDate" hidden="1">
            <a:extLst>
              <a:ext uri="{FF2B5EF4-FFF2-40B4-BE49-F238E27FC236}">
                <a16:creationId xmlns:a16="http://schemas.microsoft.com/office/drawing/2014/main" id="{DB338711-4BB2-4300-B5F9-7CD5E02C901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SLT_79eebf0cc03e4ea08540b80882717e0a_TextPercentage" hidden="1">
            <a:extLst>
              <a:ext uri="{FF2B5EF4-FFF2-40B4-BE49-F238E27FC236}">
                <a16:creationId xmlns:a16="http://schemas.microsoft.com/office/drawing/2014/main" id="{73BB17C0-2BD7-4628-8F3E-C168B608F0A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rgbClr val="696464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T_79eebf0cc03e4ea08540b80882717e0a_Title">
            <a:extLst>
              <a:ext uri="{FF2B5EF4-FFF2-40B4-BE49-F238E27FC236}">
                <a16:creationId xmlns:a16="http://schemas.microsoft.com/office/drawing/2014/main" id="{E8C4D51A-A29A-49BA-A6BE-E5CF627152C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665506" y="5283719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98" name="OTLSHAPE_SLT_44de9765e7204557b88297f4709b8c30_Duration" hidden="1">
            <a:extLst>
              <a:ext uri="{FF2B5EF4-FFF2-40B4-BE49-F238E27FC236}">
                <a16:creationId xmlns:a16="http://schemas.microsoft.com/office/drawing/2014/main" id="{3728419C-94D0-40FC-8A45-3AEEB67469E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46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9" name="OTLSHAPE_SLT_44de9765e7204557b88297f4709b8c30_JoinedDate" hidden="1">
            <a:extLst>
              <a:ext uri="{FF2B5EF4-FFF2-40B4-BE49-F238E27FC236}">
                <a16:creationId xmlns:a16="http://schemas.microsoft.com/office/drawing/2014/main" id="{2D3E555A-CAA4-42FF-90A7-ABABDB42BA9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501744" y="4253236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4646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 - Apr 7</a:t>
            </a:r>
          </a:p>
        </p:txBody>
      </p:sp>
      <p:sp>
        <p:nvSpPr>
          <p:cNvPr id="100" name="OTLSHAPE_SLT_44de9765e7204557b88297f4709b8c30_StartDate" hidden="1">
            <a:extLst>
              <a:ext uri="{FF2B5EF4-FFF2-40B4-BE49-F238E27FC236}">
                <a16:creationId xmlns:a16="http://schemas.microsoft.com/office/drawing/2014/main" id="{29998FDF-CED3-43D4-9B69-C9E3CA369B3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1" name="OTLSHAPE_SLT_44de9765e7204557b88297f4709b8c30_EndDate" hidden="1">
            <a:extLst>
              <a:ext uri="{FF2B5EF4-FFF2-40B4-BE49-F238E27FC236}">
                <a16:creationId xmlns:a16="http://schemas.microsoft.com/office/drawing/2014/main" id="{0DB54D7E-A6CC-417F-8BDF-B396611EBF1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4B51D7D5-41BB-4093-818D-F6692A2D49A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899246" y="5644940"/>
            <a:ext cx="457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03" name="OTLSHAPE_SLT_44de9765e7204557b88297f4709b8c30_TextPercentage" hidden="1">
            <a:extLst>
              <a:ext uri="{FF2B5EF4-FFF2-40B4-BE49-F238E27FC236}">
                <a16:creationId xmlns:a16="http://schemas.microsoft.com/office/drawing/2014/main" id="{E3896625-9A69-447D-B900-C61DFA60036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rgbClr val="696464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OTLSHAPE_SLT_8d38abf6434f49b59dc24ae1ee36935e_Duration" hidden="1">
            <a:extLst>
              <a:ext uri="{FF2B5EF4-FFF2-40B4-BE49-F238E27FC236}">
                <a16:creationId xmlns:a16="http://schemas.microsoft.com/office/drawing/2014/main" id="{03D2779B-D379-446A-B554-9DEC048B7C9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8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SLT_8d38abf6434f49b59dc24ae1ee36935e_StartDate" hidden="1">
            <a:extLst>
              <a:ext uri="{FF2B5EF4-FFF2-40B4-BE49-F238E27FC236}">
                <a16:creationId xmlns:a16="http://schemas.microsoft.com/office/drawing/2014/main" id="{0B19675D-DAC4-4775-AC95-9F72423CF70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8d38abf6434f49b59dc24ae1ee36935e_EndDate" hidden="1">
            <a:extLst>
              <a:ext uri="{FF2B5EF4-FFF2-40B4-BE49-F238E27FC236}">
                <a16:creationId xmlns:a16="http://schemas.microsoft.com/office/drawing/2014/main" id="{1BE8E20D-2073-43F2-9D73-8530703F188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SLT_8d38abf6434f49b59dc24ae1ee36935e_Title">
            <a:extLst>
              <a:ext uri="{FF2B5EF4-FFF2-40B4-BE49-F238E27FC236}">
                <a16:creationId xmlns:a16="http://schemas.microsoft.com/office/drawing/2014/main" id="{9BF1E90F-D70D-4D23-B83B-9EA4A94E2A3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039245" y="5644940"/>
            <a:ext cx="457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11" name="OTLSHAPE_SLT_8d38abf6434f49b59dc24ae1ee36935e_TextPercentage" hidden="1">
            <a:extLst>
              <a:ext uri="{FF2B5EF4-FFF2-40B4-BE49-F238E27FC236}">
                <a16:creationId xmlns:a16="http://schemas.microsoft.com/office/drawing/2014/main" id="{704F8607-394F-4027-8BD2-EDDCF1C820D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rgbClr val="696464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7" name="OTLSHAPE_SLT_c7770eb3e434445083ebf0cda53241c7_Duration" hidden="1">
            <a:extLst>
              <a:ext uri="{FF2B5EF4-FFF2-40B4-BE49-F238E27FC236}">
                <a16:creationId xmlns:a16="http://schemas.microsoft.com/office/drawing/2014/main" id="{65DD6E2D-110B-4831-8BCF-EDCCBCB3114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4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8" name="OTLSHAPE_SLT_c7770eb3e434445083ebf0cda53241c7_JoinedDate" hidden="1">
            <a:extLst>
              <a:ext uri="{FF2B5EF4-FFF2-40B4-BE49-F238E27FC236}">
                <a16:creationId xmlns:a16="http://schemas.microsoft.com/office/drawing/2014/main" id="{AC23E7ED-0ACC-44A8-991E-249A22772DD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131299" y="493195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4646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 - Jun 10</a:t>
            </a:r>
          </a:p>
        </p:txBody>
      </p:sp>
      <p:sp>
        <p:nvSpPr>
          <p:cNvPr id="119" name="OTLSHAPE_SLT_c7770eb3e434445083ebf0cda53241c7_StartDate" hidden="1">
            <a:extLst>
              <a:ext uri="{FF2B5EF4-FFF2-40B4-BE49-F238E27FC236}">
                <a16:creationId xmlns:a16="http://schemas.microsoft.com/office/drawing/2014/main" id="{20686180-4AE7-43B1-AB47-6DFFE45DC23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0" name="OTLSHAPE_SLT_c7770eb3e434445083ebf0cda53241c7_EndDate" hidden="1">
            <a:extLst>
              <a:ext uri="{FF2B5EF4-FFF2-40B4-BE49-F238E27FC236}">
                <a16:creationId xmlns:a16="http://schemas.microsoft.com/office/drawing/2014/main" id="{FF47237F-34F7-48C1-B77B-43912C1C03C4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1" name="OTLSHAPE_SLT_c7770eb3e434445083ebf0cda53241c7_Title">
            <a:extLst>
              <a:ext uri="{FF2B5EF4-FFF2-40B4-BE49-F238E27FC236}">
                <a16:creationId xmlns:a16="http://schemas.microsoft.com/office/drawing/2014/main" id="{C6E4A7E8-961A-440D-9551-42D491D4426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616010" y="5993459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22" name="OTLSHAPE_SLT_c7770eb3e434445083ebf0cda53241c7_TextPercentage" hidden="1">
            <a:extLst>
              <a:ext uri="{FF2B5EF4-FFF2-40B4-BE49-F238E27FC236}">
                <a16:creationId xmlns:a16="http://schemas.microsoft.com/office/drawing/2014/main" id="{F16E6CD3-2BB5-4109-9637-5F9CF69F2A2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rgbClr val="696464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5" name="OTLSHAPE_SLT_40c7696c8b3a4b1db83d76730e5d92c2_Duration" hidden="1">
            <a:extLst>
              <a:ext uri="{FF2B5EF4-FFF2-40B4-BE49-F238E27FC236}">
                <a16:creationId xmlns:a16="http://schemas.microsoft.com/office/drawing/2014/main" id="{9226424F-CB5B-4D69-A287-A99DBAEF9E2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43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7" name="OTLSHAPE_SLT_40c7696c8b3a4b1db83d76730e5d92c2_StartDate" hidden="1">
            <a:extLst>
              <a:ext uri="{FF2B5EF4-FFF2-40B4-BE49-F238E27FC236}">
                <a16:creationId xmlns:a16="http://schemas.microsoft.com/office/drawing/2014/main" id="{104B817A-7B68-42C3-AA3C-56BD8DA44F3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8" name="OTLSHAPE_SLT_40c7696c8b3a4b1db83d76730e5d92c2_EndDate" hidden="1">
            <a:extLst>
              <a:ext uri="{FF2B5EF4-FFF2-40B4-BE49-F238E27FC236}">
                <a16:creationId xmlns:a16="http://schemas.microsoft.com/office/drawing/2014/main" id="{B356606C-093C-434B-9DF4-5D05CB53A9B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9" name="OTLSHAPE_SLT_40c7696c8b3a4b1db83d76730e5d92c2_Title">
            <a:extLst>
              <a:ext uri="{FF2B5EF4-FFF2-40B4-BE49-F238E27FC236}">
                <a16:creationId xmlns:a16="http://schemas.microsoft.com/office/drawing/2014/main" id="{E0276C50-1A4A-44E5-9279-BB08A9C3245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326008" y="5993459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30" name="OTLSHAPE_SLT_40c7696c8b3a4b1db83d76730e5d92c2_TextPercentage" hidden="1">
            <a:extLst>
              <a:ext uri="{FF2B5EF4-FFF2-40B4-BE49-F238E27FC236}">
                <a16:creationId xmlns:a16="http://schemas.microsoft.com/office/drawing/2014/main" id="{B1FA4A26-6450-40A9-BA44-F40AAF7EBFA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rgbClr val="696464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7" name="OTLSHAPE_SLT_c60910096d5a4b6f9de76b63feadcf94_Duration" hidden="1">
            <a:extLst>
              <a:ext uri="{FF2B5EF4-FFF2-40B4-BE49-F238E27FC236}">
                <a16:creationId xmlns:a16="http://schemas.microsoft.com/office/drawing/2014/main" id="{DFAF29E6-0A80-4462-A1D8-E216A475806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62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8" name="OTLSHAPE_SLT_c60910096d5a4b6f9de76b63feadcf94_JoinedDate" hidden="1">
            <a:extLst>
              <a:ext uri="{FF2B5EF4-FFF2-40B4-BE49-F238E27FC236}">
                <a16:creationId xmlns:a16="http://schemas.microsoft.com/office/drawing/2014/main" id="{0F2F0D8D-FEC4-416F-A6EF-A95548D7BA1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965894" y="493195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4646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5 - Oct 30</a:t>
            </a:r>
          </a:p>
        </p:txBody>
      </p:sp>
      <p:sp>
        <p:nvSpPr>
          <p:cNvPr id="149" name="OTLSHAPE_SLT_c60910096d5a4b6f9de76b63feadcf94_StartDate" hidden="1">
            <a:extLst>
              <a:ext uri="{FF2B5EF4-FFF2-40B4-BE49-F238E27FC236}">
                <a16:creationId xmlns:a16="http://schemas.microsoft.com/office/drawing/2014/main" id="{B0ED29E2-246B-4E54-B1A3-4E8CD041500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" name="OTLSHAPE_SLT_c60910096d5a4b6f9de76b63feadcf94_EndDate" hidden="1">
            <a:extLst>
              <a:ext uri="{FF2B5EF4-FFF2-40B4-BE49-F238E27FC236}">
                <a16:creationId xmlns:a16="http://schemas.microsoft.com/office/drawing/2014/main" id="{C8E49ED6-C900-4293-8BF4-BFA635810622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1" name="OTLSHAPE_SLT_c60910096d5a4b6f9de76b63feadcf94_Title">
            <a:extLst>
              <a:ext uri="{FF2B5EF4-FFF2-40B4-BE49-F238E27FC236}">
                <a16:creationId xmlns:a16="http://schemas.microsoft.com/office/drawing/2014/main" id="{8EE4C186-05A2-4D56-A05C-788902E5CA6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420755" y="5993459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52" name="OTLSHAPE_SLT_c60910096d5a4b6f9de76b63feadcf94_TextPercentage" hidden="1">
            <a:extLst>
              <a:ext uri="{FF2B5EF4-FFF2-40B4-BE49-F238E27FC236}">
                <a16:creationId xmlns:a16="http://schemas.microsoft.com/office/drawing/2014/main" id="{B27E89CB-4AB5-47BE-8487-8442EEADBC9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rgbClr val="696464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4" name="OTLSHAPE_SLM_05f5e22b071042a1a1dc59615bb4c469_Title">
            <a:extLst>
              <a:ext uri="{FF2B5EF4-FFF2-40B4-BE49-F238E27FC236}">
                <a16:creationId xmlns:a16="http://schemas.microsoft.com/office/drawing/2014/main" id="{B135B8BB-5637-43C1-9206-2337A5DBAE5D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297454" y="6379365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</a:p>
        </p:txBody>
      </p:sp>
      <p:sp>
        <p:nvSpPr>
          <p:cNvPr id="205" name="OTLSHAPE_SLM_05f5e22b071042a1a1dc59615bb4c469_Date" hidden="1">
            <a:extLst>
              <a:ext uri="{FF2B5EF4-FFF2-40B4-BE49-F238E27FC236}">
                <a16:creationId xmlns:a16="http://schemas.microsoft.com/office/drawing/2014/main" id="{000D6E40-B1CB-4DFE-BACB-F3AEB03AECC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pr 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7" name="OTLSHAPE_SLM_38f7caf9b7404674b5040d0ab204f9f9_Title">
            <a:extLst>
              <a:ext uri="{FF2B5EF4-FFF2-40B4-BE49-F238E27FC236}">
                <a16:creationId xmlns:a16="http://schemas.microsoft.com/office/drawing/2014/main" id="{339FA3AA-03CD-4781-AE45-712CF742170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030949" y="6379365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08" name="OTLSHAPE_SLM_38f7caf9b7404674b5040d0ab204f9f9_Date" hidden="1">
            <a:extLst>
              <a:ext uri="{FF2B5EF4-FFF2-40B4-BE49-F238E27FC236}">
                <a16:creationId xmlns:a16="http://schemas.microsoft.com/office/drawing/2014/main" id="{3267318B-F306-44C8-AD64-EF5F58BC0EC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 1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3" name="OTLSHAPE_SLM_42c1a0ca0ec74680a58bbd3c49f9125b_Title">
            <a:extLst>
              <a:ext uri="{FF2B5EF4-FFF2-40B4-BE49-F238E27FC236}">
                <a16:creationId xmlns:a16="http://schemas.microsoft.com/office/drawing/2014/main" id="{40DB0558-438C-4344-A730-C01DA8827D3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665452" y="6379365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14" name="OTLSHAPE_SLM_42c1a0ca0ec74680a58bbd3c49f9125b_Date" hidden="1">
            <a:extLst>
              <a:ext uri="{FF2B5EF4-FFF2-40B4-BE49-F238E27FC236}">
                <a16:creationId xmlns:a16="http://schemas.microsoft.com/office/drawing/2014/main" id="{62082BFC-E0EB-4F4B-BCC9-57356691D54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y 19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" name="OTLSHAPE_SLM_0fe6e6c4d349427c81caccf576ba460c_Title">
            <a:extLst>
              <a:ext uri="{FF2B5EF4-FFF2-40B4-BE49-F238E27FC236}">
                <a16:creationId xmlns:a16="http://schemas.microsoft.com/office/drawing/2014/main" id="{ADCB6001-EC56-4457-A920-2E964278E87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025946" y="6379365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17" name="OTLSHAPE_SLM_0fe6e6c4d349427c81caccf576ba460c_Date" hidden="1">
            <a:extLst>
              <a:ext uri="{FF2B5EF4-FFF2-40B4-BE49-F238E27FC236}">
                <a16:creationId xmlns:a16="http://schemas.microsoft.com/office/drawing/2014/main" id="{6559CA46-2A1B-4CA0-9DE3-4D4A9041080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 19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" name="OTLSHAPE_SLM_7695617a14a84c95a269c6cd4b4f335a_Title">
            <a:extLst>
              <a:ext uri="{FF2B5EF4-FFF2-40B4-BE49-F238E27FC236}">
                <a16:creationId xmlns:a16="http://schemas.microsoft.com/office/drawing/2014/main" id="{AEB06136-E17F-4A32-A302-8B6AC47CDCB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792944" y="6379365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20" name="OTLSHAPE_SLM_7695617a14a84c95a269c6cd4b4f335a_Date" hidden="1">
            <a:extLst>
              <a:ext uri="{FF2B5EF4-FFF2-40B4-BE49-F238E27FC236}">
                <a16:creationId xmlns:a16="http://schemas.microsoft.com/office/drawing/2014/main" id="{36138BA3-5564-405E-A21E-7C8351BCAFC7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2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3" name="OTLSHAPE_SLT_79eebf0cc03e4ea08540b80882717e0a_JoinedDate" hidden="1">
            <a:extLst>
              <a:ext uri="{FF2B5EF4-FFF2-40B4-BE49-F238E27FC236}">
                <a16:creationId xmlns:a16="http://schemas.microsoft.com/office/drawing/2014/main" id="{D4A243B2-F536-4934-9D03-1E4DCBD31DA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794368" y="39252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4646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3 - Sep 30</a:t>
            </a:r>
          </a:p>
        </p:txBody>
      </p:sp>
      <p:sp>
        <p:nvSpPr>
          <p:cNvPr id="51" name="OTLSHAPE_SLT_f1b03b9fadb246d6b74eef66d2c662d1_Duration" hidden="1">
            <a:extLst>
              <a:ext uri="{FF2B5EF4-FFF2-40B4-BE49-F238E27FC236}">
                <a16:creationId xmlns:a16="http://schemas.microsoft.com/office/drawing/2014/main" id="{75479D3C-78F3-4597-83EE-431850566AEE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4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" name="OTLSHAPE_SLT_f1b03b9fadb246d6b74eef66d2c662d1_TextPercentage" hidden="1">
            <a:extLst>
              <a:ext uri="{FF2B5EF4-FFF2-40B4-BE49-F238E27FC236}">
                <a16:creationId xmlns:a16="http://schemas.microsoft.com/office/drawing/2014/main" id="{31F74200-700B-4CC9-8C61-D12917A0A86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rgbClr val="696464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" name="OTLSHAPE_SLT_f1b03b9fadb246d6b74eef66d2c662d1_StartDate" hidden="1">
            <a:extLst>
              <a:ext uri="{FF2B5EF4-FFF2-40B4-BE49-F238E27FC236}">
                <a16:creationId xmlns:a16="http://schemas.microsoft.com/office/drawing/2014/main" id="{FB818C79-8B2C-4CF0-B0C4-D17E93B5AA1D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4" name="OTLSHAPE_SLT_f1b03b9fadb246d6b74eef66d2c662d1_EndDate" hidden="1">
            <a:extLst>
              <a:ext uri="{FF2B5EF4-FFF2-40B4-BE49-F238E27FC236}">
                <a16:creationId xmlns:a16="http://schemas.microsoft.com/office/drawing/2014/main" id="{A101C477-B0CD-4D70-AA99-7875031786A4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OTLSHAPE_SLT_f1b03b9fadb246d6b74eef66d2c662d1_JoinedDate" hidden="1">
            <a:extLst>
              <a:ext uri="{FF2B5EF4-FFF2-40B4-BE49-F238E27FC236}">
                <a16:creationId xmlns:a16="http://schemas.microsoft.com/office/drawing/2014/main" id="{D850A62C-BA2B-44A1-8F13-24D2DB3BD24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131299" y="459259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6464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7 - Jul 15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6464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2" name="OTLSHAPE_SLT_f1b03b9fadb246d6b74eef66d2c662d1_Title">
            <a:extLst>
              <a:ext uri="{FF2B5EF4-FFF2-40B4-BE49-F238E27FC236}">
                <a16:creationId xmlns:a16="http://schemas.microsoft.com/office/drawing/2014/main" id="{E23D7026-A130-4BA7-9C97-C49F2A0A9EB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5613509" y="5644940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33" name="OTLSHAPE_SLT_8d38abf6434f49b59dc24ae1ee36935e_JoinedDate" hidden="1">
            <a:extLst>
              <a:ext uri="{FF2B5EF4-FFF2-40B4-BE49-F238E27FC236}">
                <a16:creationId xmlns:a16="http://schemas.microsoft.com/office/drawing/2014/main" id="{9501005F-F43E-4A24-9868-7C73759CE61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pr 2 - Apr 28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40c7696c8b3a4b1db83d76730e5d92c2_JoinedDate" hidden="1">
            <a:extLst>
              <a:ext uri="{FF2B5EF4-FFF2-40B4-BE49-F238E27FC236}">
                <a16:creationId xmlns:a16="http://schemas.microsoft.com/office/drawing/2014/main" id="{16A88787-612E-4D58-A74D-E7CB6D263AE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n 5 - Aug 5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9EC1A38-D49B-4705-BF2A-22645D19F851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3858872" y="418963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20F354C-5B24-42AC-8975-843DD3283FF3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6452369" y="418963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AFB266D7-0F7D-4085-A086-34E2627F2A7C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9074365" y="418963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M_ad52e739797946d7bd463b006c06394d_Shape">
            <a:extLst>
              <a:ext uri="{FF2B5EF4-FFF2-40B4-BE49-F238E27FC236}">
                <a16:creationId xmlns:a16="http://schemas.microsoft.com/office/drawing/2014/main" id="{BAF1E5BD-0E3E-4912-A395-BEC4706FD68C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3768403" y="3986430"/>
            <a:ext cx="152400" cy="1778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M_4a076ebd25c146989ebf5900a5b4447e_Shape">
            <a:extLst>
              <a:ext uri="{FF2B5EF4-FFF2-40B4-BE49-F238E27FC236}">
                <a16:creationId xmlns:a16="http://schemas.microsoft.com/office/drawing/2014/main" id="{D0F155E5-98B5-4D5D-BF38-60EEA3DE8BE9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6504399" y="3986430"/>
            <a:ext cx="152400" cy="1778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M_db4393fafb20429da7667ad39271af50_Shape">
            <a:extLst>
              <a:ext uri="{FF2B5EF4-FFF2-40B4-BE49-F238E27FC236}">
                <a16:creationId xmlns:a16="http://schemas.microsoft.com/office/drawing/2014/main" id="{9DD6E6CD-3C90-49FF-A98E-7C2653BF3FF0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8898396" y="3986430"/>
            <a:ext cx="152400" cy="1778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M_d13f186547184bbb84e3129eee9c4279_Shape">
            <a:extLst>
              <a:ext uri="{FF2B5EF4-FFF2-40B4-BE49-F238E27FC236}">
                <a16:creationId xmlns:a16="http://schemas.microsoft.com/office/drawing/2014/main" id="{D84CB446-3109-4296-B762-9CB721FD5028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11292392" y="3986430"/>
            <a:ext cx="152400" cy="1778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M_ad52e739797946d7bd463b006c06394d_Title">
            <a:extLst>
              <a:ext uri="{FF2B5EF4-FFF2-40B4-BE49-F238E27FC236}">
                <a16:creationId xmlns:a16="http://schemas.microsoft.com/office/drawing/2014/main" id="{E50E4BAF-93F9-4EBA-B66F-30F0E968D222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3524351" y="3792120"/>
            <a:ext cx="635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6" name="OTLSHAPE_M_ad52e739797946d7bd463b006c06394d_Date" hidden="1">
            <a:extLst>
              <a:ext uri="{FF2B5EF4-FFF2-40B4-BE49-F238E27FC236}">
                <a16:creationId xmlns:a16="http://schemas.microsoft.com/office/drawing/2014/main" id="{875C727D-0870-4F0F-BB06-4538F62348A3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578093" y="38060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1C181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/Mar</a:t>
            </a:r>
          </a:p>
        </p:txBody>
      </p:sp>
      <p:sp>
        <p:nvSpPr>
          <p:cNvPr id="18" name="OTLSHAPE_M_4a076ebd25c146989ebf5900a5b4447e_Title">
            <a:extLst>
              <a:ext uri="{FF2B5EF4-FFF2-40B4-BE49-F238E27FC236}">
                <a16:creationId xmlns:a16="http://schemas.microsoft.com/office/drawing/2014/main" id="{7E4A9559-6EAB-4BBD-A708-A8A54899514A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60347" y="3792120"/>
            <a:ext cx="622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19" name="OTLSHAPE_M_4a076ebd25c146989ebf5900a5b4447e_Date" hidden="1">
            <a:extLst>
              <a:ext uri="{FF2B5EF4-FFF2-40B4-BE49-F238E27FC236}">
                <a16:creationId xmlns:a16="http://schemas.microsoft.com/office/drawing/2014/main" id="{411F4202-82DD-46AA-A1D3-BAB59F67A531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6353925" y="38060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1C181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/Jul</a:t>
            </a:r>
          </a:p>
        </p:txBody>
      </p:sp>
      <p:sp>
        <p:nvSpPr>
          <p:cNvPr id="21" name="OTLSHAPE_M_db4393fafb20429da7667ad39271af50_Title">
            <a:extLst>
              <a:ext uri="{FF2B5EF4-FFF2-40B4-BE49-F238E27FC236}">
                <a16:creationId xmlns:a16="http://schemas.microsoft.com/office/drawing/2014/main" id="{185C2067-1428-48D5-BDE0-6B0DDC26D43C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8654344" y="3792120"/>
            <a:ext cx="622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2" name="OTLSHAPE_M_db4393fafb20429da7667ad39271af50_Date" hidden="1">
            <a:extLst>
              <a:ext uri="{FF2B5EF4-FFF2-40B4-BE49-F238E27FC236}">
                <a16:creationId xmlns:a16="http://schemas.microsoft.com/office/drawing/2014/main" id="{C63A60F7-5EE6-46E5-BC56-4A949D6CFF63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8720807" y="38060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1C181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/Sep</a:t>
            </a:r>
          </a:p>
        </p:txBody>
      </p:sp>
      <p:sp>
        <p:nvSpPr>
          <p:cNvPr id="24" name="OTLSHAPE_M_d13f186547184bbb84e3129eee9c4279_Title">
            <a:extLst>
              <a:ext uri="{FF2B5EF4-FFF2-40B4-BE49-F238E27FC236}">
                <a16:creationId xmlns:a16="http://schemas.microsoft.com/office/drawing/2014/main" id="{EAD83484-06CD-400C-8D6E-4ECC26C4208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1048340" y="3792120"/>
            <a:ext cx="622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25" name="OTLSHAPE_M_d13f186547184bbb84e3129eee9c4279_Date" hidden="1">
            <a:extLst>
              <a:ext uri="{FF2B5EF4-FFF2-40B4-BE49-F238E27FC236}">
                <a16:creationId xmlns:a16="http://schemas.microsoft.com/office/drawing/2014/main" id="{9BF78C3C-A04B-4252-88E8-54087E66F34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1111396" y="38060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1C181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/Dec</a:t>
            </a:r>
          </a:p>
        </p:txBody>
      </p:sp>
      <p:sp>
        <p:nvSpPr>
          <p:cNvPr id="221" name="OTLSHAPE_SLA_966ac8e38d974bfeae23890a126b2a79_Title">
            <a:extLst>
              <a:ext uri="{FF2B5EF4-FFF2-40B4-BE49-F238E27FC236}">
                <a16:creationId xmlns:a16="http://schemas.microsoft.com/office/drawing/2014/main" id="{4157B49E-1E3F-4A19-8CFD-614EE77C5DF6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453412" y="4811930"/>
            <a:ext cx="558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ilestone</a:t>
            </a:r>
          </a:p>
        </p:txBody>
      </p:sp>
      <p:sp>
        <p:nvSpPr>
          <p:cNvPr id="222" name="OTLSHAPE_SLA_966ac8e38d974bfeae23890a126b2a79_Date" hidden="1">
            <a:extLst>
              <a:ext uri="{FF2B5EF4-FFF2-40B4-BE49-F238E27FC236}">
                <a16:creationId xmlns:a16="http://schemas.microsoft.com/office/drawing/2014/main" id="{E654B790-1ACE-4BAA-AB1C-B45DEE4E9075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566484" y="4036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 16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5" name="OTLSHAPE_SLA_3999f18e2c61454cadfd7ea463d2536b_Date" hidden="1">
            <a:extLst>
              <a:ext uri="{FF2B5EF4-FFF2-40B4-BE49-F238E27FC236}">
                <a16:creationId xmlns:a16="http://schemas.microsoft.com/office/drawing/2014/main" id="{03F382A0-ABA8-46CA-9407-3D4C88F91B61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3652663" y="4410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 31</a:t>
            </a:r>
          </a:p>
        </p:txBody>
      </p:sp>
      <p:sp>
        <p:nvSpPr>
          <p:cNvPr id="228" name="OTLSHAPE_SLA_0723a534b8b04d848ad49d960b833b9c_Date" hidden="1">
            <a:extLst>
              <a:ext uri="{FF2B5EF4-FFF2-40B4-BE49-F238E27FC236}">
                <a16:creationId xmlns:a16="http://schemas.microsoft.com/office/drawing/2014/main" id="{80243136-C026-4752-84DA-F6EDB427A75C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3652663" y="47715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 31</a:t>
            </a:r>
          </a:p>
        </p:txBody>
      </p:sp>
      <p:sp>
        <p:nvSpPr>
          <p:cNvPr id="231" name="OTLSHAPE_SLA_5f22e295269f42e9b1ce98b4118ab3d0_Date" hidden="1">
            <a:extLst>
              <a:ext uri="{FF2B5EF4-FFF2-40B4-BE49-F238E27FC236}">
                <a16:creationId xmlns:a16="http://schemas.microsoft.com/office/drawing/2014/main" id="{C40B95FB-3781-4DC8-B6EE-8EB78D752D5A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5642731" y="512004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n 7</a:t>
            </a:r>
          </a:p>
        </p:txBody>
      </p:sp>
      <p:sp>
        <p:nvSpPr>
          <p:cNvPr id="234" name="OTLSHAPE_SLA_8ed28b9183de4588a46ed4323066c28f_Date" hidden="1">
            <a:extLst>
              <a:ext uri="{FF2B5EF4-FFF2-40B4-BE49-F238E27FC236}">
                <a16:creationId xmlns:a16="http://schemas.microsoft.com/office/drawing/2014/main" id="{D6B63A3B-A5E6-4D75-8159-159105011DEE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7082830" y="512004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l 28</a:t>
            </a:r>
          </a:p>
        </p:txBody>
      </p:sp>
      <p:sp>
        <p:nvSpPr>
          <p:cNvPr id="113" name="OTLSHAPE_SLA_0723a534b8b04d848ad49d960b833b9c_Title" hidden="1">
            <a:extLst>
              <a:ext uri="{FF2B5EF4-FFF2-40B4-BE49-F238E27FC236}">
                <a16:creationId xmlns:a16="http://schemas.microsoft.com/office/drawing/2014/main" id="{A335CAB6-B7A3-4FC7-85E1-F7678178ECC0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31266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ilestone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14" name="OTLSHAPE_SLA_5f22e295269f42e9b1ce98b4118ab3d0_Title" hidden="1">
            <a:extLst>
              <a:ext uri="{FF2B5EF4-FFF2-40B4-BE49-F238E27FC236}">
                <a16:creationId xmlns:a16="http://schemas.microsoft.com/office/drawing/2014/main" id="{DA4009FA-B374-466A-B361-8C4D8448FFB6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393453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ilestone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31" name="OTLSHAPE_SLA_8ed28b9183de4588a46ed4323066c28f_Title" hidden="1">
            <a:extLst>
              <a:ext uri="{FF2B5EF4-FFF2-40B4-BE49-F238E27FC236}">
                <a16:creationId xmlns:a16="http://schemas.microsoft.com/office/drawing/2014/main" id="{3C2AD096-40F1-4536-B292-CD49E0C25E69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28034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ilestone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32" name="OTLSHAPE_SLA_3999f18e2c61454cadfd7ea463d2536b_Title" hidden="1">
            <a:extLst>
              <a:ext uri="{FF2B5EF4-FFF2-40B4-BE49-F238E27FC236}">
                <a16:creationId xmlns:a16="http://schemas.microsoft.com/office/drawing/2014/main" id="{2BF67E60-EAD8-42C9-ABB1-98487145FEB1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316509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26" name="OTLSHAPE_SLA_966ac8e38d974bfeae23890a126b2a79_Shape">
            <a:extLst>
              <a:ext uri="{FF2B5EF4-FFF2-40B4-BE49-F238E27FC236}">
                <a16:creationId xmlns:a16="http://schemas.microsoft.com/office/drawing/2014/main" id="{2B4BB30B-3309-42F6-8D20-A8138C0CB04A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1634006" y="5006240"/>
            <a:ext cx="203200" cy="221520"/>
          </a:xfrm>
          <a:prstGeom prst="star8">
            <a:avLst/>
          </a:prstGeom>
          <a:solidFill>
            <a:srgbClr val="38572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5" name="OTLSHAPE_SLA_3999f18e2c61454cadfd7ea463d2536b_Shape">
            <a:extLst>
              <a:ext uri="{FF2B5EF4-FFF2-40B4-BE49-F238E27FC236}">
                <a16:creationId xmlns:a16="http://schemas.microsoft.com/office/drawing/2014/main" id="{4E99D9B8-7409-49BB-8D7F-FC717AF65F79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3743003" y="5265860"/>
            <a:ext cx="203200" cy="221520"/>
          </a:xfrm>
          <a:prstGeom prst="star8">
            <a:avLst/>
          </a:prstGeom>
          <a:solidFill>
            <a:srgbClr val="38572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6" name="OTLSHAPE_SLA_0723a534b8b04d848ad49d960b833b9c_Shape">
            <a:extLst>
              <a:ext uri="{FF2B5EF4-FFF2-40B4-BE49-F238E27FC236}">
                <a16:creationId xmlns:a16="http://schemas.microsoft.com/office/drawing/2014/main" id="{12B91CC0-71EA-466E-9348-C5038C7B1342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3743003" y="5627080"/>
            <a:ext cx="203200" cy="221520"/>
          </a:xfrm>
          <a:prstGeom prst="star8">
            <a:avLst/>
          </a:prstGeom>
          <a:solidFill>
            <a:srgbClr val="843C0C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7" name="OTLSHAPE_SLA_5f22e295269f42e9b1ce98b4118ab3d0_Shape">
            <a:extLst>
              <a:ext uri="{FF2B5EF4-FFF2-40B4-BE49-F238E27FC236}">
                <a16:creationId xmlns:a16="http://schemas.microsoft.com/office/drawing/2014/main" id="{171B26C9-AA31-49D9-9FD8-2DB1D812328D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5681000" y="5975600"/>
            <a:ext cx="203200" cy="221520"/>
          </a:xfrm>
          <a:prstGeom prst="star8">
            <a:avLst/>
          </a:prstGeom>
          <a:solidFill>
            <a:srgbClr val="843C0C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8" name="OTLSHAPE_SLA_8ed28b9183de4588a46ed4323066c28f_Shape">
            <a:extLst>
              <a:ext uri="{FF2B5EF4-FFF2-40B4-BE49-F238E27FC236}">
                <a16:creationId xmlns:a16="http://schemas.microsoft.com/office/drawing/2014/main" id="{0FFAE75B-C48D-4CCB-B994-4302891C6D31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7134498" y="5975600"/>
            <a:ext cx="203200" cy="221520"/>
          </a:xfrm>
          <a:prstGeom prst="star8">
            <a:avLst/>
          </a:prstGeom>
          <a:solidFill>
            <a:srgbClr val="843C0C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0" name="Title 249">
            <a:extLst>
              <a:ext uri="{FF2B5EF4-FFF2-40B4-BE49-F238E27FC236}">
                <a16:creationId xmlns:a16="http://schemas.microsoft.com/office/drawing/2014/main" id="{D771C0E0-9369-4B5E-8046-C308E0BF62CD}"/>
              </a:ext>
            </a:extLst>
          </p:cNvPr>
          <p:cNvSpPr>
            <a:spLocks noGrp="1"/>
          </p:cNvSpPr>
          <p:nvPr>
            <p:ph type="title"/>
            <p:custDataLst>
              <p:tags r:id="rId157"/>
            </p:custDataLst>
          </p:nvPr>
        </p:nvSpPr>
        <p:spPr>
          <a:xfrm>
            <a:off x="1216958" y="374711"/>
            <a:ext cx="10058400" cy="559330"/>
          </a:xfrm>
        </p:spPr>
        <p:txBody>
          <a:bodyPr>
            <a:noAutofit/>
          </a:bodyPr>
          <a:lstStyle/>
          <a:p>
            <a:pPr algn="ctr"/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KPI Scorecard Template</a:t>
            </a:r>
          </a:p>
        </p:txBody>
      </p:sp>
      <p:sp>
        <p:nvSpPr>
          <p:cNvPr id="224" name="Rectangle 223">
            <a:extLst>
              <a:ext uri="{FF2B5EF4-FFF2-40B4-BE49-F238E27FC236}">
                <a16:creationId xmlns:a16="http://schemas.microsoft.com/office/drawing/2014/main" id="{BC21CE70-268B-4F01-AABA-CAE10245B850}"/>
              </a:ext>
            </a:extLst>
          </p:cNvPr>
          <p:cNvSpPr/>
          <p:nvPr/>
        </p:nvSpPr>
        <p:spPr>
          <a:xfrm>
            <a:off x="2993109" y="1018560"/>
            <a:ext cx="4320000" cy="1256730"/>
          </a:xfrm>
          <a:prstGeom prst="rect">
            <a:avLst/>
          </a:prstGeom>
          <a:solidFill>
            <a:srgbClr val="F0F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Rectangle 165">
            <a:extLst>
              <a:ext uri="{FF2B5EF4-FFF2-40B4-BE49-F238E27FC236}">
                <a16:creationId xmlns:a16="http://schemas.microsoft.com/office/drawing/2014/main" id="{C1E4E80E-A634-4D6D-BBA4-6963CC96A508}"/>
              </a:ext>
            </a:extLst>
          </p:cNvPr>
          <p:cNvSpPr/>
          <p:nvPr/>
        </p:nvSpPr>
        <p:spPr>
          <a:xfrm>
            <a:off x="2993109" y="2372285"/>
            <a:ext cx="4320000" cy="1256730"/>
          </a:xfrm>
          <a:prstGeom prst="rect">
            <a:avLst/>
          </a:prstGeom>
          <a:solidFill>
            <a:srgbClr val="F0F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Rectangle 166">
            <a:extLst>
              <a:ext uri="{FF2B5EF4-FFF2-40B4-BE49-F238E27FC236}">
                <a16:creationId xmlns:a16="http://schemas.microsoft.com/office/drawing/2014/main" id="{099DAC41-E258-41BA-BFB5-3EF5EF100E89}"/>
              </a:ext>
            </a:extLst>
          </p:cNvPr>
          <p:cNvSpPr/>
          <p:nvPr/>
        </p:nvSpPr>
        <p:spPr>
          <a:xfrm>
            <a:off x="7398362" y="1014686"/>
            <a:ext cx="4320000" cy="1256730"/>
          </a:xfrm>
          <a:prstGeom prst="rect">
            <a:avLst/>
          </a:prstGeom>
          <a:solidFill>
            <a:srgbClr val="F0F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Rectangle 167">
            <a:extLst>
              <a:ext uri="{FF2B5EF4-FFF2-40B4-BE49-F238E27FC236}">
                <a16:creationId xmlns:a16="http://schemas.microsoft.com/office/drawing/2014/main" id="{73E229E7-D915-482C-BDDA-E59EBB15EF7E}"/>
              </a:ext>
            </a:extLst>
          </p:cNvPr>
          <p:cNvSpPr/>
          <p:nvPr/>
        </p:nvSpPr>
        <p:spPr>
          <a:xfrm>
            <a:off x="7398362" y="2368411"/>
            <a:ext cx="4320000" cy="1256730"/>
          </a:xfrm>
          <a:prstGeom prst="rect">
            <a:avLst/>
          </a:prstGeom>
          <a:solidFill>
            <a:srgbClr val="F0F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26" name="Table 226">
            <a:extLst>
              <a:ext uri="{FF2B5EF4-FFF2-40B4-BE49-F238E27FC236}">
                <a16:creationId xmlns:a16="http://schemas.microsoft.com/office/drawing/2014/main" id="{8341B414-709B-4634-92C5-0EA3B64F094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29935267"/>
              </p:ext>
            </p:extLst>
          </p:nvPr>
        </p:nvGraphicFramePr>
        <p:xfrm>
          <a:off x="3966095" y="1139656"/>
          <a:ext cx="3253069" cy="1066800"/>
        </p:xfrm>
        <a:graphic>
          <a:graphicData uri="http://schemas.openxmlformats.org/drawingml/2006/table">
            <a:tbl>
              <a:tblPr firstRow="1" bandRow="1"/>
              <a:tblGrid>
                <a:gridCol w="1409463">
                  <a:extLst>
                    <a:ext uri="{9D8B030D-6E8A-4147-A177-3AD203B41FA5}">
                      <a16:colId xmlns:a16="http://schemas.microsoft.com/office/drawing/2014/main" val="1406539948"/>
                    </a:ext>
                  </a:extLst>
                </a:gridCol>
                <a:gridCol w="654050">
                  <a:extLst>
                    <a:ext uri="{9D8B030D-6E8A-4147-A177-3AD203B41FA5}">
                      <a16:colId xmlns:a16="http://schemas.microsoft.com/office/drawing/2014/main" val="1268450518"/>
                    </a:ext>
                  </a:extLst>
                </a:gridCol>
                <a:gridCol w="685800">
                  <a:extLst>
                    <a:ext uri="{9D8B030D-6E8A-4147-A177-3AD203B41FA5}">
                      <a16:colId xmlns:a16="http://schemas.microsoft.com/office/drawing/2014/main" val="1667664847"/>
                    </a:ext>
                  </a:extLst>
                </a:gridCol>
                <a:gridCol w="503756">
                  <a:extLst>
                    <a:ext uri="{9D8B030D-6E8A-4147-A177-3AD203B41FA5}">
                      <a16:colId xmlns:a16="http://schemas.microsoft.com/office/drawing/2014/main" val="3143548859"/>
                    </a:ext>
                  </a:extLst>
                </a:gridCol>
              </a:tblGrid>
              <a:tr h="189254"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bjectives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urrent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tatus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68892497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crease Profitability</a:t>
                      </a: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+0.6%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-0.5%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FF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</a:t>
                      </a:r>
                      <a:endParaRPr lang="en-US" sz="800" dirty="0">
                        <a:solidFill>
                          <a:srgbClr val="FF0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69392545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duce Operating Costs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+60k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-35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FF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</a:t>
                      </a:r>
                      <a:endParaRPr lang="en-US" sz="800" dirty="0">
                        <a:solidFill>
                          <a:srgbClr val="FF0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22613830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inimize Debt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00k red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00k red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00B05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</a:t>
                      </a:r>
                      <a:endParaRPr lang="en-US" sz="800" dirty="0">
                        <a:solidFill>
                          <a:srgbClr val="00B05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68275484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fficient Billings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 days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 days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FFC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</a:t>
                      </a:r>
                      <a:endParaRPr lang="en-US" sz="800" dirty="0">
                        <a:solidFill>
                          <a:srgbClr val="FFC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8703055"/>
                  </a:ext>
                </a:extLst>
              </a:tr>
            </a:tbl>
          </a:graphicData>
        </a:graphic>
      </p:graphicFrame>
      <p:sp>
        <p:nvSpPr>
          <p:cNvPr id="229" name="TextBox 228">
            <a:extLst>
              <a:ext uri="{FF2B5EF4-FFF2-40B4-BE49-F238E27FC236}">
                <a16:creationId xmlns:a16="http://schemas.microsoft.com/office/drawing/2014/main" id="{83905AF5-C8D3-4028-A624-686C6A6F2103}"/>
              </a:ext>
            </a:extLst>
          </p:cNvPr>
          <p:cNvSpPr txBox="1"/>
          <p:nvPr/>
        </p:nvSpPr>
        <p:spPr>
          <a:xfrm>
            <a:off x="3067669" y="1872339"/>
            <a:ext cx="81970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dirty="0">
                <a:solidFill>
                  <a:srgbClr val="CC4F3D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inancial</a:t>
            </a:r>
            <a:endParaRPr lang="en-US" sz="1200" b="1" dirty="0">
              <a:solidFill>
                <a:srgbClr val="CC4F3D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33" name="Graphic 232" descr="Coins">
            <a:extLst>
              <a:ext uri="{FF2B5EF4-FFF2-40B4-BE49-F238E27FC236}">
                <a16:creationId xmlns:a16="http://schemas.microsoft.com/office/drawing/2014/main" id="{8776C0A2-BEF7-4C67-A59D-8410A099CE81}"/>
              </a:ext>
            </a:extLst>
          </p:cNvPr>
          <p:cNvPicPr>
            <a:picLocks noChangeAspect="1"/>
          </p:cNvPicPr>
          <p:nvPr/>
        </p:nvPicPr>
        <p:blipFill>
          <a:blip r:embed="rId15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0"/>
              </a:ext>
            </a:extLst>
          </a:blip>
          <a:stretch>
            <a:fillRect/>
          </a:stretch>
        </p:blipFill>
        <p:spPr>
          <a:xfrm>
            <a:off x="3169279" y="1299418"/>
            <a:ext cx="612000" cy="612000"/>
          </a:xfrm>
          <a:prstGeom prst="rect">
            <a:avLst/>
          </a:prstGeom>
        </p:spPr>
      </p:pic>
      <p:graphicFrame>
        <p:nvGraphicFramePr>
          <p:cNvPr id="175" name="Table 226">
            <a:extLst>
              <a:ext uri="{FF2B5EF4-FFF2-40B4-BE49-F238E27FC236}">
                <a16:creationId xmlns:a16="http://schemas.microsoft.com/office/drawing/2014/main" id="{CD167993-602A-4BFC-9F02-7AFC8E9866A3}"/>
              </a:ext>
            </a:extLst>
          </p:cNvPr>
          <p:cNvGraphicFramePr>
            <a:graphicFrameLocks noGrp="1"/>
          </p:cNvGraphicFramePr>
          <p:nvPr/>
        </p:nvGraphicFramePr>
        <p:xfrm>
          <a:off x="3966095" y="2467699"/>
          <a:ext cx="3253069" cy="1066800"/>
        </p:xfrm>
        <a:graphic>
          <a:graphicData uri="http://schemas.openxmlformats.org/drawingml/2006/table">
            <a:tbl>
              <a:tblPr firstRow="1" bandRow="1"/>
              <a:tblGrid>
                <a:gridCol w="1409463">
                  <a:extLst>
                    <a:ext uri="{9D8B030D-6E8A-4147-A177-3AD203B41FA5}">
                      <a16:colId xmlns:a16="http://schemas.microsoft.com/office/drawing/2014/main" val="1406539948"/>
                    </a:ext>
                  </a:extLst>
                </a:gridCol>
                <a:gridCol w="654050">
                  <a:extLst>
                    <a:ext uri="{9D8B030D-6E8A-4147-A177-3AD203B41FA5}">
                      <a16:colId xmlns:a16="http://schemas.microsoft.com/office/drawing/2014/main" val="1268450518"/>
                    </a:ext>
                  </a:extLst>
                </a:gridCol>
                <a:gridCol w="685800">
                  <a:extLst>
                    <a:ext uri="{9D8B030D-6E8A-4147-A177-3AD203B41FA5}">
                      <a16:colId xmlns:a16="http://schemas.microsoft.com/office/drawing/2014/main" val="1667664847"/>
                    </a:ext>
                  </a:extLst>
                </a:gridCol>
                <a:gridCol w="503756">
                  <a:extLst>
                    <a:ext uri="{9D8B030D-6E8A-4147-A177-3AD203B41FA5}">
                      <a16:colId xmlns:a16="http://schemas.microsoft.com/office/drawing/2014/main" val="3143548859"/>
                    </a:ext>
                  </a:extLst>
                </a:gridCol>
              </a:tblGrid>
              <a:tr h="189254"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bjectives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urrent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tatus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68892497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igh Cast</a:t>
                      </a: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4/3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5/3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FF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</a:t>
                      </a:r>
                      <a:endParaRPr lang="en-US" sz="800" dirty="0">
                        <a:solidFill>
                          <a:srgbClr val="FF0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69392545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tain Customers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50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8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FFC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</a:t>
                      </a:r>
                      <a:endParaRPr lang="en-US" sz="800" dirty="0">
                        <a:solidFill>
                          <a:srgbClr val="FFC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22613830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ulfil Customer Needs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/10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.5/10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FFC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</a:t>
                      </a:r>
                      <a:endParaRPr lang="en-US" sz="800" dirty="0">
                        <a:solidFill>
                          <a:srgbClr val="FFC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68275484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Loyalty Program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8%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5%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00B05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</a:t>
                      </a:r>
                      <a:endParaRPr lang="en-US" sz="800" dirty="0">
                        <a:solidFill>
                          <a:srgbClr val="00B05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8703055"/>
                  </a:ext>
                </a:extLst>
              </a:tr>
            </a:tbl>
          </a:graphicData>
        </a:graphic>
      </p:graphicFrame>
      <p:sp>
        <p:nvSpPr>
          <p:cNvPr id="176" name="TextBox 175">
            <a:extLst>
              <a:ext uri="{FF2B5EF4-FFF2-40B4-BE49-F238E27FC236}">
                <a16:creationId xmlns:a16="http://schemas.microsoft.com/office/drawing/2014/main" id="{C804AC58-6479-4C77-84FB-F69EB5F4CF25}"/>
              </a:ext>
            </a:extLst>
          </p:cNvPr>
          <p:cNvSpPr txBox="1"/>
          <p:nvPr/>
        </p:nvSpPr>
        <p:spPr>
          <a:xfrm>
            <a:off x="3068741" y="3092629"/>
            <a:ext cx="88825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dirty="0">
                <a:solidFill>
                  <a:srgbClr val="F5AE3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ustomer</a:t>
            </a:r>
            <a:endParaRPr lang="en-US" sz="1200" b="1" dirty="0">
              <a:solidFill>
                <a:srgbClr val="F5AE3C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36" name="Graphic 235" descr="Users">
            <a:extLst>
              <a:ext uri="{FF2B5EF4-FFF2-40B4-BE49-F238E27FC236}">
                <a16:creationId xmlns:a16="http://schemas.microsoft.com/office/drawing/2014/main" id="{E3868573-E6D4-4901-91E0-91B39C282052}"/>
              </a:ext>
            </a:extLst>
          </p:cNvPr>
          <p:cNvPicPr>
            <a:picLocks noChangeAspect="1"/>
          </p:cNvPicPr>
          <p:nvPr/>
        </p:nvPicPr>
        <p:blipFill>
          <a:blip r:embed="rId16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2"/>
              </a:ext>
            </a:extLst>
          </a:blip>
          <a:stretch>
            <a:fillRect/>
          </a:stretch>
        </p:blipFill>
        <p:spPr>
          <a:xfrm>
            <a:off x="3159336" y="2563195"/>
            <a:ext cx="612000" cy="612000"/>
          </a:xfrm>
          <a:prstGeom prst="rect">
            <a:avLst/>
          </a:prstGeom>
        </p:spPr>
      </p:pic>
      <p:graphicFrame>
        <p:nvGraphicFramePr>
          <p:cNvPr id="191" name="Table 226">
            <a:extLst>
              <a:ext uri="{FF2B5EF4-FFF2-40B4-BE49-F238E27FC236}">
                <a16:creationId xmlns:a16="http://schemas.microsoft.com/office/drawing/2014/main" id="{5B85A3D6-457A-4D68-9DEB-9BFA038F8863}"/>
              </a:ext>
            </a:extLst>
          </p:cNvPr>
          <p:cNvGraphicFramePr>
            <a:graphicFrameLocks noGrp="1"/>
          </p:cNvGraphicFramePr>
          <p:nvPr/>
        </p:nvGraphicFramePr>
        <p:xfrm>
          <a:off x="8366532" y="1135782"/>
          <a:ext cx="3253069" cy="1066800"/>
        </p:xfrm>
        <a:graphic>
          <a:graphicData uri="http://schemas.openxmlformats.org/drawingml/2006/table">
            <a:tbl>
              <a:tblPr firstRow="1" bandRow="1"/>
              <a:tblGrid>
                <a:gridCol w="1409463">
                  <a:extLst>
                    <a:ext uri="{9D8B030D-6E8A-4147-A177-3AD203B41FA5}">
                      <a16:colId xmlns:a16="http://schemas.microsoft.com/office/drawing/2014/main" val="1406539948"/>
                    </a:ext>
                  </a:extLst>
                </a:gridCol>
                <a:gridCol w="654050">
                  <a:extLst>
                    <a:ext uri="{9D8B030D-6E8A-4147-A177-3AD203B41FA5}">
                      <a16:colId xmlns:a16="http://schemas.microsoft.com/office/drawing/2014/main" val="1268450518"/>
                    </a:ext>
                  </a:extLst>
                </a:gridCol>
                <a:gridCol w="685800">
                  <a:extLst>
                    <a:ext uri="{9D8B030D-6E8A-4147-A177-3AD203B41FA5}">
                      <a16:colId xmlns:a16="http://schemas.microsoft.com/office/drawing/2014/main" val="1667664847"/>
                    </a:ext>
                  </a:extLst>
                </a:gridCol>
                <a:gridCol w="503756">
                  <a:extLst>
                    <a:ext uri="{9D8B030D-6E8A-4147-A177-3AD203B41FA5}">
                      <a16:colId xmlns:a16="http://schemas.microsoft.com/office/drawing/2014/main" val="3143548859"/>
                    </a:ext>
                  </a:extLst>
                </a:gridCol>
              </a:tblGrid>
              <a:tr h="189254"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bjectives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urrent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tatus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68892497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perless Office Efforts</a:t>
                      </a: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80%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%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00B05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</a:t>
                      </a:r>
                      <a:endParaRPr lang="en-US" sz="800" dirty="0">
                        <a:solidFill>
                          <a:srgbClr val="00B05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69392545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entralize IT 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88%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80%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FF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</a:t>
                      </a:r>
                      <a:endParaRPr lang="en-US" sz="800" dirty="0">
                        <a:solidFill>
                          <a:srgbClr val="FF0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22613830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ill Empty FTEs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0 empty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9 empty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FF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</a:t>
                      </a:r>
                      <a:endParaRPr lang="en-US" sz="800" dirty="0">
                        <a:solidFill>
                          <a:srgbClr val="FF0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68275484"/>
                  </a:ext>
                </a:extLst>
              </a:tr>
              <a:tr h="120272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mployee Retention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%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2%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00B05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</a:t>
                      </a:r>
                      <a:endParaRPr lang="en-US" sz="800" dirty="0">
                        <a:solidFill>
                          <a:srgbClr val="00B05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8703055"/>
                  </a:ext>
                </a:extLst>
              </a:tr>
            </a:tbl>
          </a:graphicData>
        </a:graphic>
      </p:graphicFrame>
      <p:sp>
        <p:nvSpPr>
          <p:cNvPr id="192" name="TextBox 191">
            <a:extLst>
              <a:ext uri="{FF2B5EF4-FFF2-40B4-BE49-F238E27FC236}">
                <a16:creationId xmlns:a16="http://schemas.microsoft.com/office/drawing/2014/main" id="{148F8526-0B96-4925-B168-C19CBFA59599}"/>
              </a:ext>
            </a:extLst>
          </p:cNvPr>
          <p:cNvSpPr txBox="1"/>
          <p:nvPr/>
        </p:nvSpPr>
        <p:spPr>
          <a:xfrm>
            <a:off x="7478274" y="1772728"/>
            <a:ext cx="88825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dirty="0">
                <a:solidFill>
                  <a:schemeClr val="accent5">
                    <a:lumMod val="7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nternal</a:t>
            </a:r>
            <a:r>
              <a:rPr lang="en-GB" sz="1200" b="1" dirty="0">
                <a:solidFill>
                  <a:srgbClr val="AAC277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br>
              <a:rPr lang="en-GB" sz="1200" b="1" dirty="0">
                <a:solidFill>
                  <a:srgbClr val="AAC277"/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GB" sz="1200" b="1" dirty="0">
                <a:solidFill>
                  <a:schemeClr val="accent5">
                    <a:lumMod val="7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cesses</a:t>
            </a:r>
            <a:endParaRPr lang="en-US" sz="1200" b="1" dirty="0">
              <a:solidFill>
                <a:schemeClr val="accent5">
                  <a:lumMod val="7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93" name="Graphic 192" descr="Decision chart">
            <a:extLst>
              <a:ext uri="{FF2B5EF4-FFF2-40B4-BE49-F238E27FC236}">
                <a16:creationId xmlns:a16="http://schemas.microsoft.com/office/drawing/2014/main" id="{B33A1369-A08E-43D8-B997-BAC9CB0483E1}"/>
              </a:ext>
            </a:extLst>
          </p:cNvPr>
          <p:cNvPicPr>
            <a:picLocks noChangeAspect="1"/>
          </p:cNvPicPr>
          <p:nvPr/>
        </p:nvPicPr>
        <p:blipFill>
          <a:blip r:embed="rId16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4"/>
              </a:ext>
            </a:extLst>
          </a:blip>
          <a:srcRect/>
          <a:stretch/>
        </p:blipFill>
        <p:spPr>
          <a:xfrm>
            <a:off x="7568869" y="1183207"/>
            <a:ext cx="612000" cy="612000"/>
          </a:xfrm>
          <a:prstGeom prst="rect">
            <a:avLst/>
          </a:prstGeom>
        </p:spPr>
      </p:pic>
      <p:graphicFrame>
        <p:nvGraphicFramePr>
          <p:cNvPr id="194" name="Table 226">
            <a:extLst>
              <a:ext uri="{FF2B5EF4-FFF2-40B4-BE49-F238E27FC236}">
                <a16:creationId xmlns:a16="http://schemas.microsoft.com/office/drawing/2014/main" id="{9275B930-A373-464F-8F80-52097B8CC69D}"/>
              </a:ext>
            </a:extLst>
          </p:cNvPr>
          <p:cNvGraphicFramePr>
            <a:graphicFrameLocks noGrp="1"/>
          </p:cNvGraphicFramePr>
          <p:nvPr/>
        </p:nvGraphicFramePr>
        <p:xfrm>
          <a:off x="8369487" y="2467372"/>
          <a:ext cx="3253069" cy="1066800"/>
        </p:xfrm>
        <a:graphic>
          <a:graphicData uri="http://schemas.openxmlformats.org/drawingml/2006/table">
            <a:tbl>
              <a:tblPr firstRow="1" bandRow="1"/>
              <a:tblGrid>
                <a:gridCol w="1409463">
                  <a:extLst>
                    <a:ext uri="{9D8B030D-6E8A-4147-A177-3AD203B41FA5}">
                      <a16:colId xmlns:a16="http://schemas.microsoft.com/office/drawing/2014/main" val="1406539948"/>
                    </a:ext>
                  </a:extLst>
                </a:gridCol>
                <a:gridCol w="654050">
                  <a:extLst>
                    <a:ext uri="{9D8B030D-6E8A-4147-A177-3AD203B41FA5}">
                      <a16:colId xmlns:a16="http://schemas.microsoft.com/office/drawing/2014/main" val="1268450518"/>
                    </a:ext>
                  </a:extLst>
                </a:gridCol>
                <a:gridCol w="685800">
                  <a:extLst>
                    <a:ext uri="{9D8B030D-6E8A-4147-A177-3AD203B41FA5}">
                      <a16:colId xmlns:a16="http://schemas.microsoft.com/office/drawing/2014/main" val="1667664847"/>
                    </a:ext>
                  </a:extLst>
                </a:gridCol>
                <a:gridCol w="503756">
                  <a:extLst>
                    <a:ext uri="{9D8B030D-6E8A-4147-A177-3AD203B41FA5}">
                      <a16:colId xmlns:a16="http://schemas.microsoft.com/office/drawing/2014/main" val="3143548859"/>
                    </a:ext>
                  </a:extLst>
                </a:gridCol>
              </a:tblGrid>
              <a:tr h="189254"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bjectives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urrent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b="1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tatus</a:t>
                      </a:r>
                      <a:endParaRPr lang="en-US" sz="800" b="1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68892497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pen New Regions</a:t>
                      </a: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 new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 new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FF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</a:t>
                      </a:r>
                      <a:endParaRPr lang="en-US" sz="800" dirty="0">
                        <a:solidFill>
                          <a:srgbClr val="FF0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69392545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duce Legacy Costs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-20k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-30k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FF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</a:t>
                      </a:r>
                      <a:endParaRPr lang="en-US" sz="800" dirty="0">
                        <a:solidFill>
                          <a:srgbClr val="FF0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22613830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cruit Partners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 new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9 new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00B05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</a:t>
                      </a:r>
                      <a:endParaRPr lang="en-US" sz="800" dirty="0">
                        <a:solidFill>
                          <a:srgbClr val="00B05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68275484"/>
                  </a:ext>
                </a:extLst>
              </a:tr>
              <a:tr h="189254"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novative Products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 new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 new</a:t>
                      </a:r>
                      <a:endParaRPr lang="en-US" sz="8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>
                          <a:solidFill>
                            <a:srgbClr val="FF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  <a:sym typeface="Wingdings 3" panose="05040102010807070707" pitchFamily="18" charset="2"/>
                        </a:rPr>
                        <a:t></a:t>
                      </a:r>
                      <a:endParaRPr lang="en-US" sz="800" dirty="0">
                        <a:solidFill>
                          <a:srgbClr val="FF0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8703055"/>
                  </a:ext>
                </a:extLst>
              </a:tr>
            </a:tbl>
          </a:graphicData>
        </a:graphic>
      </p:graphicFrame>
      <p:sp>
        <p:nvSpPr>
          <p:cNvPr id="195" name="TextBox 194">
            <a:extLst>
              <a:ext uri="{FF2B5EF4-FFF2-40B4-BE49-F238E27FC236}">
                <a16:creationId xmlns:a16="http://schemas.microsoft.com/office/drawing/2014/main" id="{DD2FFF8E-0743-40A1-AA96-3202BB05EB76}"/>
              </a:ext>
            </a:extLst>
          </p:cNvPr>
          <p:cNvSpPr txBox="1"/>
          <p:nvPr/>
        </p:nvSpPr>
        <p:spPr>
          <a:xfrm>
            <a:off x="7478274" y="3134204"/>
            <a:ext cx="100409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dirty="0">
                <a:solidFill>
                  <a:srgbClr val="19AD95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earning</a:t>
            </a:r>
            <a:br>
              <a:rPr lang="en-GB" sz="1200" b="1" dirty="0">
                <a:solidFill>
                  <a:srgbClr val="19AD95"/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GB" sz="1200" b="1" dirty="0">
                <a:solidFill>
                  <a:srgbClr val="19AD95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&amp; Growth</a:t>
            </a:r>
            <a:endParaRPr lang="en-US" sz="1200" b="1" dirty="0">
              <a:solidFill>
                <a:srgbClr val="19AD95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96" name="Graphic 195" descr="Business Growth">
            <a:extLst>
              <a:ext uri="{FF2B5EF4-FFF2-40B4-BE49-F238E27FC236}">
                <a16:creationId xmlns:a16="http://schemas.microsoft.com/office/drawing/2014/main" id="{CAB70FB3-5D1A-4BAC-B23A-E9405836A3B9}"/>
              </a:ext>
            </a:extLst>
          </p:cNvPr>
          <p:cNvPicPr>
            <a:picLocks noChangeAspect="1"/>
          </p:cNvPicPr>
          <p:nvPr/>
        </p:nvPicPr>
        <p:blipFill>
          <a:blip r:embed="rId16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6"/>
              </a:ext>
            </a:extLst>
          </a:blip>
          <a:srcRect/>
          <a:stretch/>
        </p:blipFill>
        <p:spPr>
          <a:xfrm>
            <a:off x="7568869" y="2544683"/>
            <a:ext cx="612000" cy="612000"/>
          </a:xfrm>
          <a:prstGeom prst="rect">
            <a:avLst/>
          </a:prstGeom>
        </p:spPr>
      </p:pic>
      <p:graphicFrame>
        <p:nvGraphicFramePr>
          <p:cNvPr id="177" name="Table 6">
            <a:extLst>
              <a:ext uri="{FF2B5EF4-FFF2-40B4-BE49-F238E27FC236}">
                <a16:creationId xmlns:a16="http://schemas.microsoft.com/office/drawing/2014/main" id="{7ADBCBFF-82E1-4EFF-8A83-ABAFA76D6A03}"/>
              </a:ext>
            </a:extLst>
          </p:cNvPr>
          <p:cNvGraphicFramePr>
            <a:graphicFrameLocks noGrp="1"/>
          </p:cNvGraphicFramePr>
          <p:nvPr/>
        </p:nvGraphicFramePr>
        <p:xfrm>
          <a:off x="63500" y="1014686"/>
          <a:ext cx="2812218" cy="259756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698500">
                  <a:extLst>
                    <a:ext uri="{9D8B030D-6E8A-4147-A177-3AD203B41FA5}">
                      <a16:colId xmlns:a16="http://schemas.microsoft.com/office/drawing/2014/main" val="2644754512"/>
                    </a:ext>
                  </a:extLst>
                </a:gridCol>
                <a:gridCol w="2113718">
                  <a:extLst>
                    <a:ext uri="{9D8B030D-6E8A-4147-A177-3AD203B41FA5}">
                      <a16:colId xmlns:a16="http://schemas.microsoft.com/office/drawing/2014/main" val="1076299089"/>
                    </a:ext>
                  </a:extLst>
                </a:gridCol>
              </a:tblGrid>
              <a:tr h="591168">
                <a:tc gridSpan="2">
                  <a:txBody>
                    <a:bodyPr/>
                    <a:lstStyle/>
                    <a:p>
                      <a:pPr algn="ctr"/>
                      <a:r>
                        <a:rPr lang="en-GB" sz="1050" dirty="0">
                          <a:solidFill>
                            <a:schemeClr val="bg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MPANY NAME</a:t>
                      </a:r>
                      <a:endParaRPr lang="en-US" sz="1050" dirty="0">
                        <a:solidFill>
                          <a:schemeClr val="bg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D4D4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36555381"/>
                  </a:ext>
                </a:extLst>
              </a:tr>
              <a:tr h="501598"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DRESS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58022562"/>
                  </a:ext>
                </a:extLst>
              </a:tr>
              <a:tr h="501598"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ITY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21525355"/>
                  </a:ext>
                </a:extLst>
              </a:tr>
              <a:tr h="501598"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TATE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09648344"/>
                  </a:ext>
                </a:extLst>
              </a:tr>
              <a:tr h="501598"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ZIP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568685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9267747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nRydWUsIldpZHRoIjowLjAsIkhlaWdodCI6MC4wLCJCb3JkZXJTdHlsZSI6eyIkaWQiOiIyOSIsIkxpbmVDb2xvciI6bnVsbCwiTGluZVdlaWdodCI6MC4wLCJMaW5lVHlwZSI6MCwiUGFyZW50U3R5bGUiOm51bGx9LCJQYXJlbnRTdHlsZSI6bnVsbH0sIkRhdGVTdHlsZSI6eyIkaWQiOiIzMCIsIkZvbnRTZXR0aW5ncyI6eyIkaWQiOiIzMSIsIkZvbnRTaXplIjoxMCwiRm9udE5hbWUiOiJDYWxpYnJpIiwiSXNCb2xkIjpmYWxzZSwiSXNJdGFsaWMiOmZhbHNlLCJJc1VuZGVybGluZWQiOmZhbHNlLCJQYXJlbnRTdHlsZSI6bnVsbH0sIkF1dG9TaXplIjowLCJGb3JlZ3JvdW5kIjp7IiRpZCI6IjMyIiwiQ29sb3IiOnsiJGlkIjoiM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GlkIjoiMzciLCJBIjowLCJSIjoyNTUsIkciOjI1NSwiQiI6MjU1fX0sIklzVmlzaWJsZSI6ZmFsc2UsIldpZHRoIjowLjAsIkhlaWdodCI6MC4wLCJCb3JkZXJTdHlsZSI6eyIkaWQiOiIzOCIsIkxpbmVDb2xvciI6bnVsbCwiTGluZVdlaWdodCI6MC4wLCJMaW5lVHlwZSI6MCwiUGFyZW50U3R5bGUiOm51bGx9LCJQYXJlbnRTdHlsZSI6bnVsbH0sIkRhdGVGb3JtYXQiOnsiJGlkIjoi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4MSIsIlRvcCI6MC4wLCJMZWZ0IjowLjAsIlJpZ2h0IjowLjAsIkJvdHRvbSI6MC4wfSwiUGFkZGluZyI6eyIkaWQiOiI4MiIsIlRvcCI6MC4wLCJMZWZ0IjowLjAsIlJpZ2h0IjowLjAsIkJvdHRvbSI6MC4wfSwiQmFja2dyb3VuZCI6eyIkaWQiOiI4MyIsIkNvbG9yIjp7IiRpZCI6Ijg0IiwiQSI6MCwiUiI6MjU1LCJHIjoyNTUsIkIiOjI1NX19LCJJc1Zpc2libGUiOnRydWUsIldpZHRoIjowLjAsIkhlaWdodCI6MC4wLCJCb3JkZXJTdHlsZSI6eyIkaWQiOiI4NSIsIkxpbmVDb2xvciI6bnVsbCwiTGluZVdlaWdodCI6MC4wLCJMaW5lVHlwZSI6MCwiUGFyZW50U3R5bGUiOm51bGx9LCJQYXJlbnRTdHlsZSI6bnVsbH0sIkRh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aWQiOiI5MyIsIkEiOjAsIlIiOjI1NSwiRyI6MjU1LCJCIjoyNTV9fSwiSXNWaXNpYmxlIjp0cnVlLCJXaWR0aCI6MC4wLCJIZWlnaHQiOjAuMCwiQm9yZGVyU3R5bGUiOnsiJGlkIjoiOTQiLCJMaW5lQ29sb3IiOm51bGwsIkxpbmVXZWlnaHQiOjAuMCwiTGluZVR5cGUiOjAsIlBhcmVudFN0eWxlIjpudWxsfSwiUGFyZW50U3R5bGUiOm51bGx9LCJEYXRlRm9ybWF0Ijp7IiRpZCI6I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MTciLCJDb2xvciI6eyIkaWQiOiIxMTgiLCJBIjowLCJSIjoyNTUsIkciOjI1NSwiQiI6MjU1fX0sIklzVmlzaWJsZSI6ZmFsc2UsIldpZHRoIjowLjAsIkhlaWdodCI6MC4wLCJCb3JkZXJTdHlsZSI6eyIkaWQiOiIxMTkiLCJMaW5lQ29sb3IiOm51bGwsIkxpbmVXZWlnaHQiOjAuMCwiTGluZVR5cGUiOjAsIlBhcmVudFN0eWxlIjpudWxsfS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TI0IiwiQ29sb3IiOnsiJGlkIjoiMTI1IiwiQSI6MCwiUiI6MjU1LCJHIjoyNTUsIkIiOjI1NX19LCJJc1Zpc2libGUiOmZhbHNlLCJXaWR0aCI6MC4wLCJIZWlnaHQiOjAuMCwiQm9yZGVyU3R5bGUiOnsiJGlkIjoiMTI2IiwiTGluZUNvbG9yIjpudWxsLCJMaW5lV2VpZ2h0IjowLjAsIkxpbmVUeXBlIjowLCJQYXJlbnRTdHlsZSI6bnVsbH0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yMTciLCJUb3AiOjAuMCwiTGVmdCI6MC4wLCJSaWdodCI6MC4wLCJCb3R0b20iOjAuMH0sIlBhZGRpbmciOnsiJGlkIjoiMjE4IiwiVG9wIjowLjAsIkxlZnQiOjAuMCwiUmlnaHQiOjAuMCwiQm90dG9tIjowLjB9LCJCYWNrZ3JvdW5kIjp7IiRpZCI6IjIxOSIsIkNvbG9yIjp7IiRpZCI6IjIyMCIsIkEiOjAsIlIiOjI1NSwiRyI6MjU1LCJCIjoyNTV9fSwiSXNWaXNpYmxlIjp0cnVlLCJXaWR0aCI6MC4wLCJIZWlnaHQiOjAuMCwiQm9yZGVyU3R5bGUiOnsiJGlkIjoiMjIxIiwiTGluZUNvbG9yIjpudWxsLCJMaW5lV2VpZ2h0IjowLjAsIkxpbmVUeXBlIjowLCJQYXJlbnRTdHlsZSI6bnVsbH0sIlBhcmVudFN0eWxlIjpudWxsfSwiRGF0ZV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nsiJGlkIjoiMjI4IiwiQ29sb3IiOnsiJHJlZiI6IjE0OSJ9fSwiSXNWaXNpYmxlIjp0cnVlLCJXaWR0aCI6MC4wLCJIZWlnaHQiOjAuMCwiQm9yZGVyU3R5bGUiOnsiJGlkIjoiMjI5IiwiTGluZUNvbG9yIjpudWxsLCJMaW5lV2VpZ2h0IjowLjAsIkxpbmVUeXBlIjowLCJQYXJlbnRTdHlsZSI6bnVsbH0sIlBhcmVudFN0eWxlIjpudWxsfSwiRGF0ZUZvcm1hdCI6eyIkaWQiOiIy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SG9yaXpvbnRhbENvbm5lY3RvclN0eWxlIjp7IiRpZCI6IjI5OSIsIkxpbmVDb2xvciI6eyIkcmVmIjoiNjQifSwiTGluZVdlaWdodCI6MS4wLCJMaW5lVHlwZSI6MCwiUGFyZW50U3R5bGUiOm51bGx9LCJWZXJ0aWNhbENvbm5lY3RvclN0eWxlIjp7IiRpZCI6IjMwMC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zEzIiwiVG9wIjowLjAsIkxlZnQiOjAuMCwiUmlnaHQiOjAuMCwiQm90dG9tIjowLjB9LCJQYWRkaW5nIjp7IiRpZCI6IjMxNCIsIlRvcCI6MC4wLCJMZWZ0IjowLjAsIlJpZ2h0IjowLjAsIkJvdHRvbSI6MC4wfSwiQmFja2dyb3VuZCI6eyIkaWQiOiIzMTUiLCJDb2xvciI6eyIkaWQiOiIzMTYiLCJBIjowLCJSIjoyNTUsIkciOjI1NSwiQiI6MjU1fX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GlkIjoiMzIwIiwiQ29sb3IiOnsiJGlkIjoiMzIx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AsIkZvcmVncm91bmQiOnsiJGlkIjoiMzM1IiwiQ29sb3IiOnsiJGlkIjoiMzM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QxNSIsIkNvbG9yIjp7IiRpZCI6IjQxNiIsIkEiOjAsIlIiOjI1NSwiRyI6MjU1LCJCIjoyNTV9fSwiSXNWaXNpYmxlIjpmYWxzZSwiV2lkdGgiOjAuMCwiSGVpZ2h0IjowLjAsIkJvcmRlclN0eWxlIjp7IiRpZCI6IjQxNyIsIkxpbmVDb2xvciI6bnVsbCwiTGluZVdlaWdodCI6MC4wLCJMaW5lVHlwZSI6MCwiUGFyZW50U3R5bGUiOm51bGx9LCJQYXJlbnRTdHlsZSI6bnVsbH0sIkRhdGVGb3JtYXQiOnsiJGlkIjoiND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yZWYiOiIyNDgifSwiSXNWaXNpYmxlIjp0cnVlLCJXaWR0aCI6MC4wLCJIZWlnaHQiOjAuMCwiQm9yZGVyU3R5bGUiOnsiJGlkIjoiNDM0IiwiTGluZUNvbG9yIjpudWxsLCJMaW5lV2VpZ2h0IjowLjAsIkxpbmVUeXBlIjowLCJQYXJlbnRTdHlsZSI6bnVsbH0sIlBhcmVudFN0eWxlIjpudWxsfSwiSG9yaXpvbnRhbENvbm5lY3RvclN0eWxlIjp7IiRpZCI6IjQzNSIsIkxpbmVDb2xvciI6eyIkcmVmIjoiNjQifSwiTGluZVdlaWdodCI6MS4wLCJMaW5lVHlwZSI6MCwiUGFyZW50U3R5bGUiOm51bGx9LCJWZXJ0aWNhbENvbm5lY3RvclN0eWxlIjp7IiRpZCI6IjQzNi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NDU4IiwiVG9wIjowLjAsIkxlZnQiOjAuMCwiUmlnaHQiOjAuMCwiQm90dG9tIjowLjB9LCJQYWRkaW5nIjp7IiRpZCI6IjQ1OSIsIlRvcCI6MC4wLCJMZWZ0IjowLjAsIlJpZ2h0IjowLjAsIkJvdHRvbSI6MC4wfSwiQmFja2dyb3VuZCI6eyIkaWQiOiI0NjAiLCJDb2xvciI6eyIkaWQiOiI0NjEiLCJBIjowLCJSIjoyNTUsIkciOjI1NSwiQiI6MjU1fX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UwNCIsIlRvcCI6MC4wLCJMZWZ0IjowLjAsIlJpZ2h0IjowLjAsIkJvdHRvbSI6MC4wfSwiUGFkZGluZyI6eyIkaWQiOiI1MDUiLCJUb3AiOjAuMCwiTGVmdCI6MC4wLCJSaWdodCI6MC4wLCJCb3R0b20iOjAuMH0sIkJhY2tncm91bmQiOnsiJGlkIjoiNTA2IiwiQ29sb3IiOnsiJHJlZiI6IjE0MCJ9fSwiSXNWaXNpYmxlIjpmYWxzZSwiV2lkdGgiOjAuMCwiSGVpZ2h0IjowLjAsIkJvcmRlclN0eWxlIjp7IiRpZCI6IjUwNyIsIkxpbmVDb2xvciI6bnVsbCwiTGluZVdlaWdodCI6MC4wLCJMaW5lVHlwZSI6MCwiUGFyZW50U3R5bGUiOm51bGx9LCJQYXJlbnRTdHlsZSI6bnVsbH0sIkRhdGVGb3JtYXQiOnsiJGlkIjoiNT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U4MSIsIkNvbG9yIjp7IiRpZCI6IjU4MiIsIkEiOjAsIlIiOjI1NSwiRyI6MjU1LCJCIjoyNTV9fSwiSXNWaXNpYmxlIjpmYWxzZSwiV2lkdGgiOjAuMCwiSGVpZ2h0IjowLjAsIkJvcmRlclN0eWxlIjp7IiRpZCI6IjU4MyIsIkxpbmVDb2xvciI6bnVsbCwiTGluZVdlaWdodCI6MC4wLCJMaW5lVHlwZSI6MCwiUGFyZW50U3R5bGUiOm51bGx9LCJQYXJlbnRTdHlsZSI6bnVsbH0sIkRhdGVGb3JtYXQiOnsiJGlkIjoiN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E1IiwiVG9wIjowLjAsIkxlZnQiOjAuMCwiUmlnaHQiOjAuMCwiQm90dG9tIjowLjB9LCJQYWRkaW5nIjp7IiRpZCI6IjYxNiIsIlRvcCI6MC4wLCJMZWZ0IjowLjAsIlJpZ2h0IjowLjAsIkJvdHRvbSI6MC4wfSwiQmFja2dyb3VuZCI6eyIkaWQiOiI2MTciLCJDb2xvciI6eyIkaWQiOiI2MTgiLCJBIjowLCJSIjoyNTUsIkciOjI1NSwiQiI6MjU1fX0sIklzVmlzaWJsZSI6dHJ1ZSwiV2lkdGgiOjAuMCwiSGVpZ2h0IjowLjAsIkJvcmRlclN0eWxlIjp7IiRpZCI6IjYxOSIsIkxpbmVDb2xvciI6bnVsbCwiTGluZVdlaWdodCI6MC4wLCJMaW5lVHlwZSI6MCwiUGFyZW50U3R5bGUiOm51bGx9LCJQYXJlbnRTdHlsZSI6bnVsbH0sIkRhdGV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2NTUiLCJDb2xvciI6eyIkaWQiOiI2NTYiLCJBIjowLCJSIjoyNTUsIkciOjI1NSwiQiI6MjU1fX0sIklzVmlzaWJsZSI6ZmFsc2UsIldpZHRoIjowLjAsIkhlaWdodCI6MC4wLCJCb3JkZXJTdHlsZSI6eyIkaWQiOiI2NTciLCJMaW5lQ29sb3IiOm51bGwsIkxpbmVXZWlnaHQiOjAuMCwiTGluZVR5cGUiOjAsIlBhcmVudFN0eWxlIjpudWxsfSwiUGFyZW50U3R5bGUiOm51bGx9LCJEYXRlRm9ybWF0Ijp7IiRpZCI6IjY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2OTgiLCJUb3AiOjAuMCwiTGVmdCI6MC4wLCJSaWdodCI6MC4wLCJCb3R0b20iOjAuMH0sIlBhZGRpbmciOnsiJGlkIjoiNjk5IiwiVG9wIjowLjAsIkxlZnQiOjAuMCwiUmlnaHQiOjAuMCwiQm90dG9tIjowLjB9LCJCYWNrZ3JvdW5kIjp7IiRyZWYiOiI1MDYifSwiSXNWaXNpYmxlIjpmYWxzZSwiV2lkdGgiOjAuMCwiSGVpZ2h0IjowLjAsIkJvcmRlclN0eWxlIjp7IiRpZCI6IjcwMCIsIkxpbmVDb2xvciI6bnVsbCwiTGluZVdlaWdodCI6MC4wLCJMaW5lVHlwZSI6MCwiUGFyZW50U3R5bGUiOm51bGx9LCJQYXJlbnRTdHlsZSI6bnVsbH0sIkRhdGVGb3JtYXQiOnsiJGlkIjoiN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4MTMiLCJDb2xvciI6eyIkaWQiOiI4MTQiLCJBIjowLCJSIjoyNTUsIkciOjI1NSwiQiI6MjU1fX0sIklzVmlzaWJsZSI6dHJ1ZSwiV2lkdGgiOjAuMCwiSGVpZ2h0IjowLjAsIkJvcmRlclN0eWxlIjpudWxsLCJQYXJlbnRTdHlsZSI6bnVsbH0sIkRhdGVTdHlsZSI6eyIkaWQiOiI4MTUiLCJGb250U2V0dGluZ3MiOnsiJGlkIjoiODE2IiwiRm9udFNpemUiOjEwLCJGb250TmFtZSI6IkNhbGlicmkiLCJJc0JvbGQiOmZhbHNlLCJJc0l0YWxpYyI6ZmFsc2UsIklzVW5kZXJsaW5lZCI6ZmFsc2UsIlBhcmVudFN0eWxlIjpudWxsfSwiQXV0b1NpemUiOjAsIkZvcmVncm91bmQiOnsiJGlkIjoiODE3IiwiQ29sb3IiOnsiJGlkIjoiODE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4MTkiLCJDb2xvciI6eyIkaWQiOiI4MjAiLCJBIjowLCJSIjoyNTUsIkciOjI1NSwiQiI6MjU1fX0sIklzVmlzaWJsZSI6ZmFsc2UsIldpZHRoIjowLjAsIkhlaWdodCI6MC4wLCJCb3JkZXJTdHlsZSI6bnVsbCwiUGFyZW50U3R5bGUiOm51bGx9LCJEYXRlRm9ybWF0Ijp7IiRpZCI6Ijg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4MzQiLCJDb2xvciI6eyIkaWQiOiI4MzUiLCJBIjowLCJSIjoyNTUsIkciOjI1NSwiQiI6MjU1fX0sIklzVmlzaWJsZSI6dHJ1ZSwiV2lkdGgiOjAuMCwiSGVpZ2h0IjowLjAsIkJvcmRlclN0eWxlIjpudWxsLCJQYXJlbnRTdHlsZSI6bnVsbH0sIkRhdGVTdHlsZSI6eyIkaWQiOiI4MzYiLCJGb250U2V0dGluZ3MiOnsiJGlkIjoiODM3IiwiRm9udFNpemUiOjEwLCJGb250TmFtZSI6IkNhbGlicmkiLCJJc0JvbGQiOmZhbHNlLCJJc0l0YWxpYyI6ZmFsc2UsIklzVW5kZXJsaW5lZCI6ZmFsc2UsIlBhcmVudFN0eWxlIjpudWxsfSwiQXV0b1NpemUiOjAsIkZvcmVncm91bmQiOnsiJGlkIjoiODM4IiwiQ29sb3IiOnsiJGlkIjoiODM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4NDAiLCJDb2xvciI6eyIkaWQiOiI4NDEiLCJBIjowLCJSIjoyNTUsIkciOjI1NSwiQiI6MjU1fX0sIklzVmlzaWJsZSI6ZmFsc2UsIldpZHRoIjowLjAsIkhlaWdodCI6MC4wLCJCb3JkZXJTdHlsZSI6bnVsbCwiUGFyZW50U3R5bGUiOm51bGx9LCJEYXRlRm9ybWF0Ijp7IiRpZCI6Ijg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4NTUiLCJDb2xvciI6eyIkaWQiOiI4NTYiLCJBIjowLCJSIjoyNTUsIkciOjI1NSwiQiI6MjU1fX0sIklzVmlzaWJsZSI6dHJ1ZSwiV2lkdGgiOjAuMCwiSGVpZ2h0IjowLjAsIkJvcmRlclN0eWxlIjpudWxsLCJQYXJlbnRTdHlsZSI6bnVsbH0sIkRhdGVTdHlsZSI6eyIkaWQiOiI4NTciLCJGb250U2V0dGluZ3MiOnsiJGlkIjoiODU4IiwiRm9udFNpemUiOjEwLCJGb250TmFtZSI6IkNhbGlicmkiLCJJc0JvbGQiOmZhbHNlLCJJc0l0YWxpYyI6ZmFsc2UsIklzVW5kZXJsaW5lZCI6ZmFsc2UsIlBhcmVudFN0eWxlIjpudWxsfSwiQXV0b1NpemUiOjAsIkZvcmVncm91bmQiOnsiJGlkIjoiODU5IiwiQ29sb3IiOnsiJGlkIjoiODY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4NjEiLCJDb2xvciI6eyIkaWQiOiI4NjIiLCJBIjowLCJSIjoyNTUsIkciOjI1NSwiQiI6MjU1fX0sIklzVmlzaWJsZSI6ZmFsc2UsIldpZHRoIjowLjAsIkhlaWdodCI6MC4wLCJCb3JkZXJTdHlsZSI6bnVsbCwiUGFyZW50U3R5bGUiOm51bGx9LCJEYXRlRm9ybWF0Ijp7IiRpZCI6Ijg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4NzYiLCJDb2xvciI6eyIkaWQiOiI4NzciLCJBIjowLCJSIjoyNTUsIkciOjI1NSwiQiI6MjU1fX0sIklzVmlzaWJsZSI6dHJ1ZSwiV2lkdGgiOjAuMCwiSGVpZ2h0IjowLjAsIkJvcmRlclN0eWxlIjpudWxsLCJQYXJlbnRTdHlsZSI6bnVsbH0sIkRhdGVTdHlsZSI6eyIkaWQiOiI4NzgiLCJGb250U2V0dGluZ3MiOnsiJGlkIjoiODc5IiwiRm9udFNpemUiOjEwLCJGb250TmFtZSI6IkNhbGlicmkiLCJJc0JvbGQiOmZhbHNlLCJJc0l0YWxpYyI6ZmFsc2UsIklzVW5kZXJsaW5lZCI6ZmFsc2UsIlBhcmVudFN0eWxlIjpudWxsfSwiQXV0b1NpemUiOjAsIkZvcmVncm91bmQiOnsiJGlkIjoiODgwIiwiQ29sb3IiOnsiJGlkIjoiODg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4ODIiLCJDb2xvciI6eyIkaWQiOiI4ODMiLCJBIjowLCJSIjoyNTUsIkciOjI1NSwiQiI6MjU1fX0sIklzVmlzaWJsZSI6ZmFsc2UsIldpZHRoIjowLjAsIkhlaWdodCI6MC4wLCJCb3JkZXJTdHlsZSI6bnVsbCwiUGFyZW50U3R5bGUiOm51bGx9LCJEYXRlRm9ybWF0Ijp7IiRpZCI6Ijg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4OTciLCJDb2xvciI6eyIkaWQiOiI4OTgiLCJBIjowLCJSIjoyNTUsIkciOjI1NSwiQiI6MjU1fX0sIklzVmlzaWJsZSI6dHJ1ZSwiV2lkdGgiOjAuMCwiSGVpZ2h0IjowLjAsIkJvcmRlclN0eWxlIjpudWxsLCJQYXJlbnRTdHlsZSI6bnVsbH0sIkRhdGVTdHlsZSI6eyIkaWQiOiI4OTkiLCJGb250U2V0dGluZ3MiOnsiJGlkIjoiOTAwIiwiRm9udFNpemUiOjEwLCJGb250TmFtZSI6IkNhbGlicmkiLCJJc0JvbGQiOmZhbHNlLCJJc0l0YWxpYyI6ZmFsc2UsIklzVW5kZXJsaW5lZCI6ZmFsc2UsIlBhcmVudFN0eWxlIjpudWxsfSwiQXV0b1NpemUiOjAsIkZvcmVncm91bmQiOnsiJGlkIjoiOTAxIiwiQ29sb3IiOnsiJGlkIjoiOTA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5MDMiLCJDb2xvciI6eyIkaWQiOiI5MDQiLCJBIjowLCJSIjoyNTUsIkciOjI1NSwiQiI6MjU1fX0sIklzVmlzaWJsZSI6ZmFsc2UsIldpZHRoIjowLjAsIkhlaWdodCI6MC4wLCJCb3JkZXJTdHlsZSI6bnVsbCwiUGFyZW50U3R5bGUiOm51bGx9LCJEYXRlRm9ybWF0Ijp7IiRpZCI6Ijk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MDI4IiwiQ29sb3IiOnsiJHJlZiI6IjE0OSJ9fSwiSXNWaXNpYmxlIjp0cnVlLCJXaWR0aCI6MC4wLCJIZWlnaHQiOjAuMCwiQm9yZGVyU3R5bGUiOm51bGwsIlBhcmVudFN0eWxlIjpudWxsfSwiRGF0ZVN0eWxlIjp7IiRpZCI6IjEwMjkiLCJGb250U2V0dGluZ3MiOnsiJGlkIjoiMTAzMCIsIkZvbnRTaXplIjoxMCwiRm9udE5hbWUiOiJDYWxpYnJpIiwiSXNCb2xkIjpmYWxzZSwiSXNJdGFsaWMiOmZhbHNlLCJJc1VuZGVybGluZWQiOmZhbHNlLCJQYXJlbnRTdHlsZSI6bnVsbH0sIkF1dG9TaXplIjowLCJGb3JlZ3JvdW5kIjp7IiRpZCI6IjEwMzEiLCJDb2xvciI6eyIkaWQiOiIxMD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ifSwiUGFkZGluZyI6eyIkcmVmIjoiMzUifSwiQmFja2dyb3VuZCI6eyIkaWQiOiIxMDMzIiwiQ29sb3IiOnsiJHJlZiI6IjE0OSJ9fSwiSXNWaXNpYmxlIjpmYWxzZSwiV2lkdGgiOjAuMCwiSGVpZ2h0IjowLjAsIkJvcmRlclN0eWxlIjpudWxsLCJQYXJlbnRTdHlsZSI6bnVsbH0sIkRhdGVGb3JtYXQiOnsiJGlkIjoiMTA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kiLCJGb3JtYXQiOjAsIklzVmlzaWJsZSI6ZmFsc2UsIkxhc3RLbm93blZpc2liaWxpdHlTdGF0ZSI6ZmFsc2V9LCJJc1Zpc2libGUiOnRydWUsIlBhcmVudFN0eWxlIjpudWxsLCJfZXhwbGljaXRseVNldCI6eyIkaWQiOiIxMDc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EyNTciLCJJbXBhT3B0aW9ucyI6eyIkaWQiOiIxMjU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I1OSIsIlVzZVRpbWUiOmZhbHNlLCJXb3JrRGF5U3RhcnQiOiIwMDowMDowMCIsIldvcmtEYXlFbmQiOiIyMzo1OTowMCJ9LCJMYXN0VXNlZFRlbXBsYXRlSWQiOiI3MDliMzU0OS00OWEwLTRlNTgtYmE1Ny1mZGI5MTg5M2I2NDg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DATE" val="2021-03-3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DATE" val="2021-07-05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DATE" val="2021-09-27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DATE" val="2021-12-2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2T00:00:00.0000000Z"/>
  <p:tag name="OTLENDDATE" val="2021-03-31T11:59:00.0000000Z"/>
  <p:tag name="OTLPERCENTAGE" val="70"/>
  <p:tag name="OTLDURATIONFORMAT" val="weeks"/>
  <p:tag name="OTLSPACING" val="3"/>
  <p:tag name="OTLSHAPETHICKNESSTYPE" val="Regular"/>
  <p:tag name="OTLWEEKNUMBERINGFORMAT" val="WNFormat1"/>
  <p:tag name="OTLWEEKNUMBERINGISVISIBLE" val="False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23T00:00:00.0000000Z"/>
  <p:tag name="OTLENDDATE" val="2021-04-07T11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1-01-16T11:59:00.0000000"/>
  <p:tag name="OTLPOSITIONONTASK" val="Center"/>
  <p:tag name="OTLRELATEDTASKID" val="1f3ecdb5-2321-4d1c-858a-b8fb12392a13"/>
  <p:tag name="OTLWEEKNUMBERINGFORMAT" val="WNFormat1"/>
  <p:tag name="OTLWEEKNUMBERINGISVISIBLE" val="False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itiative"/>
  <p:tag name="OTLDATE" val="2021-03-31T11:59:00.0000000"/>
  <p:tag name="OTLPOSITIONONTASK" val="Center"/>
  <p:tag name="OTLRELATEDTASKID" val="840d1906-cb10-4b01-bde1-5bb78e8e323b"/>
  <p:tag name="OTLWEEKNUMBERINGFORMAT" val="WNFormat1"/>
  <p:tag name="OTLWEEKNUMBERINGISVISIBLE" val="False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1-03-31T11:59:00.0000000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1-06-07T11:59:00.0000000"/>
  <p:tag name="OTLPOSITIONONTASK" val="Center"/>
  <p:tag name="OTLRELATEDTASKID" val="c7770eb3-e434-4450-83eb-f0cda53241c7"/>
  <p:tag name="OTLWEEKNUMBERINGFORMAT" val="WNFormat1"/>
  <p:tag name="OTLWEEKNUMBERINGISVISIBLE" val="False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1-07-28T11:59:00.0000000"/>
  <p:tag name="OTLPOSITIONONTASK" val="Center"/>
  <p:tag name="OTLRELATEDTASKID" val="40c7696c-8b3a-4b1d-b83d-76730e5d92c2"/>
  <p:tag name="OTLWEEKNUMBERINGFORMAT" val="WNFormat1"/>
  <p:tag name="OTLWEEKNUMBERINGISVISIBLE" val="False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"/>
  <p:tag name="OTLENDDATE" val="2021-06-02T11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4T00:00:00.0000000Z"/>
  <p:tag name="OTLENDDATE" val="2021-07-11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13T00:00:00.0000000Z"/>
  <p:tag name="OTLENDDATE" val="2021-09-30T11:59:00.0000000Z"/>
  <p:tag name="OTLDURATIONFORMAT" val="weeks"/>
  <p:tag name="OTLSPACING" val="10"/>
  <p:tag name="OTLSHAPETHICKNESSTYPE" val="Regular"/>
  <p:tag name="OTLWEEKNUMBERINGFORMAT" val="WNFormat1"/>
  <p:tag name="OTLWEEKNUMBERINGISVISIBLE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02T00:00:00.0000000Z"/>
  <p:tag name="OTLENDDATE" val="2021-04-07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"/>
  <p:tag name="OTLENDDATE" val="2021-04-28T11:59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Z"/>
  <p:tag name="OTLENDDATE" val="2021-06-10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5T00:00:00.0000000"/>
  <p:tag name="OTLENDDATE" val="2021-08-05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5T00:00:00.0000000Z"/>
  <p:tag name="OTLENDDATE" val="2021-10-30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07T00:00:00.0000000"/>
  <p:tag name="OTLENDDATE" val="2021-07-15T11:59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ELAPSEDSTYLE" val="Thi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4-01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8-10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5-19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10-19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12-20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TODAYPOSITION" val="Hid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12-25T11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RectangleTimeband"/>
  <p:tag name="OTLTIMEBANDSHAPEHEIGHT" val="3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09</TotalTime>
  <Words>401</Words>
  <Application>Microsoft Office PowerPoint</Application>
  <PresentationFormat>Widescreen</PresentationFormat>
  <Paragraphs>17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KPI Scorecard Templat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cp:lastModifiedBy>Andreea Alexandrov</cp:lastModifiedBy>
  <cp:revision>2</cp:revision>
  <dcterms:created xsi:type="dcterms:W3CDTF">2020-09-21T13:22:07Z</dcterms:created>
  <dcterms:modified xsi:type="dcterms:W3CDTF">2022-06-29T13:48:33Z</dcterms:modified>
</cp:coreProperties>
</file>